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trlProps/ctrlProp1.xml" ContentType="application/vnd.ms-excel.controlproperties+xml"/>
  <Override PartName="/xl/ctrlProps/ctrlProp2.xml" ContentType="application/vnd.ms-excel.controlproperties+xml"/>
  <Override PartName="/xl/drawings/drawing1.xml" ContentType="application/vnd.openxmlformats-officedocument.drawing+xml"/>
  <Override PartName="/xl/drawings/drawing2.xml" ContentType="application/vnd.openxmlformats-officedocument.drawing+xml"/>
  <Override PartName="/xl/externalLinks/externalLink1.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Types>
</file>

<file path=_rels/.rels><?xml version="1.0" encoding="UTF-8"?><Relationships xmlns="http://schemas.openxmlformats.org/package/2006/relationships"><Relationship Id="rId1" Type="http://schemas.openxmlformats.org/officeDocument/2006/relationships/officeDocument" Target="xl/workbook.xml" /><Relationship Id="rId2" Type="http://schemas.openxmlformats.org/package/2006/relationships/metadata/core-properties" Target="docProps/core.xml" /><Relationship Id="rId3" Type="http://schemas.openxmlformats.org/officeDocument/2006/relationships/extended-properties" Target="docProps/app.xml" /><Relationship Id="rId4" Type="http://schemas.openxmlformats.org/officeDocument/2006/relationships/custom-properties" Target="docProps/custom.xml" /></Relationships>
</file>

<file path=xl/workbook.xml><?xml version="1.0" encoding="utf-8"?>
<workbook xmlns:r="http://schemas.openxmlformats.org/officeDocument/2006/relationships" xmlns="http://schemas.openxmlformats.org/spreadsheetml/2006/main">
  <fileVersion appName="xl" lastEdited="5" lowestEdited="5" rupBuild="9303"/>
  <workbookPr filterPrivacy="1" updateLinks="never" codeName="ThisWorkbook"/>
  <bookViews>
    <workbookView xWindow="-28920" yWindow="-120" windowWidth="29040" windowHeight="15720"/>
  </bookViews>
  <sheets>
    <sheet name="基本情報入力シート" sheetId="16" r:id="rId1"/>
    <sheet name="別紙様式3-1（補助金）" sheetId="21" r:id="rId2"/>
    <sheet name="別紙様式3-2（補助金）" sheetId="25" r:id="rId3"/>
    <sheet name="【参考】数式用" sheetId="13" state="hidden" r:id="rId4"/>
  </sheets>
  <externalReferences>
    <externalReference r:id="rId5"/>
  </externalReferences>
  <definedNames>
    <definedName name="_new1">'【参考】数式用'!$A$3:$A$26</definedName>
    <definedName name="愛知県">'【参考】数式用'!$G$993:$G$1046</definedName>
    <definedName name="岩手県">'【参考】数式用'!$G$228:$G$260</definedName>
    <definedName name="愛媛県">'【参考】数式用'!$G$1422:$G$1441</definedName>
    <definedName name="茨城県">'【参考】数式用'!$G$415:$G$458</definedName>
    <definedName name="東京都">'【参考】数式用'!$G$636:$G$697</definedName>
    <definedName name="岐阜県">'【参考】数式用'!$G$916:$G$957</definedName>
    <definedName name="沖縄県">'【参考】数式用'!$G$1709:$G$1749</definedName>
    <definedName name="京都府">'【参考】数式用'!$G$1095:$G$1120</definedName>
    <definedName name="北海道">'【参考】数式用'!$G$3:$G$187</definedName>
    <definedName name="岡山県">'【参考】数式用'!$G$1312:$G$1338</definedName>
    <definedName name="富山県">'【参考】数式用'!$G$761:$G$775</definedName>
    <definedName name="宮崎県">'【参考】数式用'!$G$1640:$G$1665</definedName>
    <definedName name="宮城県">'【参考】数式用'!$G$261:$G$295</definedName>
    <definedName name="和歌山県">'【参考】数式用'!$G$1244:$G$1273</definedName>
    <definedName name="熊本県">'【参考】数式用'!$G$1577:$G$1621</definedName>
    <definedName name="徳島県">'【参考】数式用'!$G$1381:$G$1404</definedName>
    <definedName name="群馬県">'【参考】数式用'!$G$484:$G$518</definedName>
    <definedName name="広島県">'【参考】数式用'!$G$1339:$G$1361</definedName>
    <definedName name="島根県">'【参考】数式用'!$G$1293:$G$1311</definedName>
    <definedName name="香川県">'【参考】数式用'!$G$1405:$G$1421</definedName>
    <definedName name="大分県">'【参考】数式用'!$G$1622:$G$1639</definedName>
    <definedName name="高知県">'【参考】数式用'!$G$1442:$G$1475</definedName>
    <definedName name="佐賀県">'【参考】数式用'!$G$1536:$G$1555</definedName>
    <definedName name="埼玉県">'【参考】数式用'!$G$519:$G$581</definedName>
    <definedName name="三重県">'【参考】数式用'!$G$1047:$G$1075</definedName>
    <definedName name="山形県">'【参考】数式用'!$G$321:$G$355</definedName>
    <definedName name="山口県">'【参考】数式用'!$G$1362:$G$1380</definedName>
    <definedName name="千葉県">'【参考】数式用'!$G$582:$G$635</definedName>
    <definedName name="山梨県">'【参考】数式用'!$G$812:$G$838</definedName>
    <definedName name="青森県">'【参考】数式用'!$G$188:$G$227</definedName>
    <definedName name="滋賀県">'【参考】数式用'!$G$1076:$G$1094</definedName>
    <definedName name="鹿児島県">'【参考】数式用'!$G$1666:$G$1708</definedName>
    <definedName name="秋田県">'【参考】数式用'!$G$296:$G$320</definedName>
    <definedName name="新潟県">'【参考】数式用'!$G$731:$G$760</definedName>
    <definedName name="神奈川県">'【参考】数式用'!$G$698:$G$730</definedName>
    <definedName name="静岡県">'【参考】数式用'!$G$958:$G$992</definedName>
    <definedName name="石川県">'【参考】数式用'!$G$776:$G$794</definedName>
    <definedName name="大阪府">'【参考】数式用'!$G$1121:$G$1163</definedName>
    <definedName name="長崎県">'【参考】数式用'!$G$1556:$G$1576</definedName>
    <definedName name="長野県">'【参考】数式用'!$G$839:$G$915</definedName>
    <definedName name="鳥取県">'【参考】数式用'!$G$1274:$G$1292</definedName>
    <definedName name="栃木県">'【参考】数式用'!$G$459:$G$483</definedName>
    <definedName name="福島県">'【参考】数式用'!$G$356:$G$414</definedName>
    <definedName name="奈良県">'【参考】数式用'!$G$1205:$G$1243</definedName>
    <definedName name="福井県">'【参考】数式用'!$G$795:$G$811</definedName>
    <definedName name="福岡県">'【参考】数式用'!$G$1476:$G$1535</definedName>
    <definedName name="兵庫県">'【参考】数式用'!$G$1164:$G$1204</definedName>
    <definedName name="erea" localSheetId="3">'【参考】数式用'!$A$2:$A$26</definedName>
    <definedName name="サービス名" localSheetId="3">'【参考】数式用'!$A$2:$A$19</definedName>
    <definedName name="new" localSheetId="3">'【参考】数式用'!$A$3:$A$26</definedName>
    <definedName name="_xlnm.Print_Area" localSheetId="3">'【参考】数式用'!$A$1:$E$26</definedName>
    <definedName name="_xlnm.Print_Area" localSheetId="0">基本情報入力シート!$A$1:$AB$48</definedName>
    <definedName name="_xlnm.Print_Area" localSheetId="1">'別紙様式3-1（補助金）'!$A$1:$AJ$59</definedName>
    <definedName name="_xlnm.Print_Area" localSheetId="2">'別紙様式3-2（補助金）'!$A$1:$AW$15</definedName>
    <definedName name="_xlnm.Print_Titles" localSheetId="2">'別紙様式3-2（補助金）'!$8:$10</definedName>
  </definedNames>
  <calcPr calcId="191029" concurrentCal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omments1.xml><?xml version="1.0" encoding="utf-8"?>
<comments xmlns="http://schemas.openxmlformats.org/spreadsheetml/2006/main">
  <authors>
    <author>作成者</author>
  </authors>
  <commentList>
    <comment ref="Y38" authorId="0">
      <text>
        <r>
          <rPr>
            <sz val="11"/>
            <color theme="1"/>
            <rFont val="MS P ゴシック"/>
          </rPr>
          <t xml:space="preserve">
必ずプルダウンで入力してください。
</t>
        </r>
        <r>
          <rPr>
            <b/>
            <sz val="11"/>
            <color rgb="FFFF0000"/>
            <rFont val="ＭＳ Ｐゴシック"/>
          </rPr>
          <t>◎</t>
        </r>
        <r>
          <rPr>
            <b/>
            <sz val="11"/>
            <color rgb="FFFF0000"/>
            <rFont val="MS P ゴシック"/>
          </rPr>
          <t>短期入所、総合事業及び介護予防サービスについては、行を分けてください。</t>
        </r>
        <r>
          <rPr>
            <b/>
            <sz val="11"/>
            <color theme="1"/>
            <rFont val="MS P ゴシック"/>
          </rPr>
          <t xml:space="preserve">
</t>
        </r>
        <r>
          <rPr>
            <sz val="11"/>
            <color theme="1"/>
            <rFont val="MS P ゴシック"/>
          </rPr>
          <t xml:space="preserve">
</t>
        </r>
      </text>
    </comment>
    <comment ref="M38" authorId="0">
      <text>
        <r>
          <rPr>
            <sz val="11"/>
            <color rgb="FFFF0000"/>
            <rFont val="MS P ゴシック"/>
          </rPr>
          <t xml:space="preserve">
</t>
        </r>
        <r>
          <rPr>
            <sz val="11"/>
            <color theme="1"/>
            <rFont val="MS P ゴシック"/>
          </rPr>
          <t>地域密着型サービスや総合事業については、指定元の市町村を全て記載してください。</t>
        </r>
        <r>
          <rPr>
            <sz val="11"/>
            <color rgb="FFFF0000"/>
            <rFont val="MS P ゴシック"/>
          </rPr>
          <t>その際、</t>
        </r>
        <r>
          <rPr>
            <b/>
            <sz val="11"/>
            <color rgb="FFFF0000"/>
            <rFont val="ＭＳ Ｐゴシック"/>
          </rPr>
          <t>◎</t>
        </r>
        <r>
          <rPr>
            <b/>
            <sz val="11"/>
            <color rgb="FFFF0000"/>
            <rFont val="MS P ゴシック"/>
          </rPr>
          <t>指定権者ごとに行を分ける</t>
        </r>
        <r>
          <rPr>
            <b/>
            <sz val="11"/>
            <color rgb="FFFF0000"/>
            <rFont val="ＭＳ Ｐゴシック"/>
          </rPr>
          <t>のではなく、事業所番号・サービスコードごと、1行にまとめて記載してください。</t>
        </r>
      </text>
    </comment>
    <comment ref="C38" authorId="0">
      <text>
        <r>
          <rPr>
            <sz val="11"/>
            <color theme="1"/>
            <rFont val="MS P ゴシック"/>
          </rPr>
          <t>10桁の事業所番号を入力してくださ</t>
        </r>
        <r>
          <rPr>
            <sz val="11"/>
            <color theme="1"/>
            <rFont val="ＭＳ Ｐゴシック"/>
          </rPr>
          <t>い</t>
        </r>
        <r>
          <rPr>
            <sz val="11"/>
            <color theme="1"/>
            <rFont val="MS P ゴシック"/>
          </rPr>
          <t xml:space="preserve">（10桁の入力以外は受け付けません。）
</t>
        </r>
        <r>
          <rPr>
            <sz val="11"/>
            <color rgb="FFFF0000"/>
            <rFont val="MS P ゴシック"/>
          </rPr>
          <t>100</t>
        </r>
        <r>
          <rPr>
            <sz val="11"/>
            <color rgb="FFFF0000"/>
            <rFont val="ＭＳ Ｐゴシック"/>
          </rPr>
          <t xml:space="preserve">行を超える場合、行を挿入し通し番号を入力してください。
※各セル内の関数、プルダウンはコピぺ利用可能
</t>
        </r>
      </text>
    </comment>
    <comment ref="C18" authorId="0">
      <text>
        <r>
          <rPr>
            <b/>
            <u/>
            <sz val="11"/>
            <color rgb="FF000000"/>
            <rFont val="MS P ゴシック"/>
          </rPr>
          <t>補助金の実績報告書の提出先は都道府県です。</t>
        </r>
        <r>
          <rPr>
            <sz val="11"/>
            <color rgb="FF000000"/>
            <rFont val="MS P ゴシック"/>
          </rPr>
          <t>処遇改善加算とは提出先が異なる場合があります。</t>
        </r>
      </text>
    </comment>
    <comment ref="M29" authorId="0">
      <text>
        <r>
          <rPr>
            <sz val="11"/>
            <color theme="1"/>
            <rFont val="MS P ゴシック"/>
          </rPr>
          <t>13桁の法人番号を入力してください
（13桁の入力以外は受け付けません。）</t>
        </r>
      </text>
    </comment>
    <comment ref="M23" authorId="0">
      <text>
        <r>
          <rPr>
            <sz val="11"/>
            <color rgb="FFFF0000"/>
            <rFont val="ＭＳ Ｐゴシック"/>
          </rPr>
          <t>例：社会福祉法人、医療法人、株式会社、有限会社、特定非営利活動法人等の法人本部の正式名称を記載（フリガナも同様）</t>
        </r>
        <r>
          <rPr>
            <sz val="11"/>
            <color auto="1"/>
            <rFont val="ＭＳ Ｐゴシック"/>
          </rPr>
          <t xml:space="preserve">
</t>
        </r>
      </text>
    </comment>
  </commentList>
</comments>
</file>

<file path=xl/comments2.xml><?xml version="1.0" encoding="utf-8"?>
<comments xmlns="http://schemas.openxmlformats.org/spreadsheetml/2006/main">
  <authors>
    <author>作成者</author>
  </authors>
  <commentList>
    <comment ref="G6" authorId="0">
      <text>
        <r>
          <rPr>
            <sz val="10"/>
            <color rgb="FFFF0000"/>
            <rFont val="MS P ゴシック"/>
          </rPr>
          <t>本別紙様式３-１を完成させるには、「基本情報入力シート」「別紙様式３-２」から転記される情報が必要です。</t>
        </r>
        <r>
          <rPr>
            <b/>
            <u/>
            <sz val="10"/>
            <color rgb="FFFF0000"/>
            <rFont val="MS P ゴシック"/>
          </rPr>
          <t>まずは他のシートを完成させてください。</t>
        </r>
      </text>
    </comment>
    <comment ref="G40" authorId="0">
      <text>
        <r>
          <rPr>
            <sz val="11"/>
            <color rgb="FFFF0000"/>
            <rFont val="ＭＳ Ｐゴシック"/>
          </rPr>
          <t>日付の入力も必要</t>
        </r>
      </text>
    </comment>
    <comment ref="Z16" authorId="0">
      <text>
        <r>
          <rPr>
            <sz val="11"/>
            <color rgb="FFFF0000"/>
            <rFont val="ＭＳ Ｐゴシック"/>
          </rPr>
          <t xml:space="preserve">様式３の２「提出先の都道府県における補助金額の合計［円］」から転送される。
</t>
        </r>
        <r>
          <rPr>
            <sz val="11"/>
            <color auto="1"/>
            <rFont val="ＭＳ Ｐゴシック"/>
          </rPr>
          <t xml:space="preserve">
</t>
        </r>
      </text>
    </comment>
    <comment ref="Z18" authorId="0">
      <text>
        <r>
          <rPr>
            <sz val="11"/>
            <color rgb="FFFF0000"/>
            <rFont val="ＭＳ Ｐゴシック"/>
          </rPr>
          <t xml:space="preserve">このセルには②人件費は含めない。
（ア）（イ）（ウ）の合計額が自動計算される。
</t>
        </r>
        <r>
          <rPr>
            <sz val="11"/>
            <color auto="1"/>
            <rFont val="ＭＳ Ｐゴシック"/>
          </rPr>
          <t xml:space="preserve">
</t>
        </r>
      </text>
    </comment>
  </commentList>
</comments>
</file>

<file path=xl/comments3.xml><?xml version="1.0" encoding="utf-8"?>
<comments xmlns="http://schemas.openxmlformats.org/spreadsheetml/2006/main">
  <authors>
    <author>作成者</author>
  </authors>
  <commentList>
    <comment ref="G8" authorId="0">
      <text>
        <r>
          <rPr>
            <b/>
            <u/>
            <sz val="12"/>
            <color theme="1"/>
            <rFont val="MS P ゴシック"/>
          </rPr>
          <t>「基本情報入力シート」</t>
        </r>
        <r>
          <rPr>
            <b/>
            <u/>
            <sz val="12"/>
            <color theme="1"/>
            <rFont val="ＭＳ Ｐゴシック"/>
          </rPr>
          <t>を記入後、入力してください。</t>
        </r>
        <r>
          <rPr>
            <b/>
            <u/>
            <sz val="12"/>
            <color theme="1"/>
            <rFont val="MS P ゴシック"/>
          </rPr>
          <t xml:space="preserve">
</t>
        </r>
        <r>
          <rPr>
            <b/>
            <sz val="12"/>
            <color rgb="FFFF0000"/>
            <rFont val="ＭＳ Ｐゴシック"/>
          </rPr>
          <t xml:space="preserve">  </t>
        </r>
      </text>
    </comment>
    <comment ref="B8" authorId="0">
      <text>
        <r>
          <rPr>
            <sz val="11"/>
            <color auto="1"/>
            <rFont val="ＭＳ Ｐゴシック"/>
          </rPr>
          <t xml:space="preserve">
</t>
        </r>
        <r>
          <rPr>
            <sz val="11"/>
            <color theme="1"/>
            <rFont val="ＭＳ Ｐゴシック"/>
          </rPr>
          <t>事業所数が１００を超える場合、行を挿入し、通し番号も入力してください。※各セル内の関数はコピペ利用可能</t>
        </r>
        <r>
          <rPr>
            <sz val="11"/>
            <color rgb="FFFF0000"/>
            <rFont val="ＭＳ Ｐゴシック"/>
          </rPr>
          <t xml:space="preserve">
</t>
        </r>
        <r>
          <rPr>
            <sz val="11"/>
            <color auto="1"/>
            <rFont val="ＭＳ Ｐゴシック"/>
          </rPr>
          <t xml:space="preserve">
</t>
        </r>
      </text>
    </comment>
    <comment ref="I15" authorId="0">
      <text>
        <r>
          <rPr>
            <sz val="11"/>
            <color auto="1"/>
            <rFont val="ＭＳ Ｐゴシック"/>
          </rPr>
          <t xml:space="preserve">
空白行はグレーアウトにしてください。</t>
        </r>
      </text>
    </comment>
    <comment ref="F5" authorId="0">
      <text>
        <r>
          <rPr>
            <sz val="11"/>
            <color auto="1"/>
            <rFont val="ＭＳ Ｐゴシック"/>
          </rPr>
          <t>「</t>
        </r>
        <r>
          <rPr>
            <sz val="11"/>
            <color rgb="FFFF0000"/>
            <rFont val="ＭＳ Ｐゴシック"/>
          </rPr>
          <t>補助金の総額」の合計が自動計算されます。</t>
        </r>
        <r>
          <rPr>
            <sz val="11"/>
            <color auto="1"/>
            <rFont val="ＭＳ Ｐゴシック"/>
          </rPr>
          <t xml:space="preserve">
</t>
        </r>
      </text>
    </comment>
  </commentList>
</comments>
</file>

<file path=xl/sharedStrings.xml><?xml version="1.0" encoding="utf-8"?>
<sst xmlns="http://schemas.openxmlformats.org/spreadsheetml/2006/main" xmlns:r="http://schemas.openxmlformats.org/officeDocument/2006/relationships" count="1958" uniqueCount="1958">
  <si>
    <t>南大東村</t>
  </si>
  <si>
    <t>室蘭市</t>
  </si>
  <si>
    <t>秦野市</t>
  </si>
  <si>
    <t>特定施設入居者生活介護</t>
    <rPh sb="0" eb="2">
      <t>トクテイ</t>
    </rPh>
    <rPh sb="2" eb="4">
      <t>シセツ</t>
    </rPh>
    <rPh sb="4" eb="7">
      <t>ニュウキョシャ</t>
    </rPh>
    <rPh sb="7" eb="9">
      <t>セイカツ</t>
    </rPh>
    <rPh sb="9" eb="11">
      <t>カイゴ</t>
    </rPh>
    <phoneticPr fontId="35"/>
  </si>
  <si>
    <t>法人名</t>
    <rPh sb="0" eb="2">
      <t>ホウジン</t>
    </rPh>
    <rPh sb="2" eb="3">
      <t>メイ</t>
    </rPh>
    <phoneticPr fontId="35"/>
  </si>
  <si>
    <t>北区</t>
  </si>
  <si>
    <t>西郷村</t>
  </si>
  <si>
    <t>１　提出先に関する情報</t>
    <rPh sb="2" eb="4">
      <t>テイシュツ</t>
    </rPh>
    <rPh sb="4" eb="5">
      <t>サキ</t>
    </rPh>
    <rPh sb="6" eb="7">
      <t>カン</t>
    </rPh>
    <rPh sb="9" eb="11">
      <t>ジョウホウ</t>
    </rPh>
    <phoneticPr fontId="35"/>
  </si>
  <si>
    <t>伊達市</t>
  </si>
  <si>
    <t>飯田市</t>
  </si>
  <si>
    <t>●「別紙様式3－1」に記載する補助金による人件費改善の所要額について、具体的な算出方法は問いませんが、各職員に対し、補助金を原資として行った人件費改善額を積み上げる（足し上げる）などの適切な方法により算出してください。また、「人件費改善の所要額」を記入する欄には、基本給、手当、賞与等（退職手当を除く。）を含む金額を記入してください。職場環境改善経費への充当額についても、具体的な算出方法は問いませんが、研修費、介護助手等の募集経費を積み上げる（足し上げる）などの適切な方法により算出してください。</t>
    <rPh sb="2" eb="4">
      <t>ベッシ</t>
    </rPh>
    <rPh sb="4" eb="6">
      <t>ヨウシキ</t>
    </rPh>
    <rPh sb="15" eb="18">
      <t>ホジョキン</t>
    </rPh>
    <rPh sb="21" eb="24">
      <t>ジンケンヒ</t>
    </rPh>
    <rPh sb="27" eb="29">
      <t>ショヨウ</t>
    </rPh>
    <rPh sb="58" eb="61">
      <t>ホジョキン</t>
    </rPh>
    <rPh sb="70" eb="73">
      <t>ジンケンヒ</t>
    </rPh>
    <rPh sb="83" eb="84">
      <t>タ</t>
    </rPh>
    <rPh sb="85" eb="86">
      <t>ア</t>
    </rPh>
    <rPh sb="100" eb="102">
      <t>サンシュツ</t>
    </rPh>
    <rPh sb="113" eb="116">
      <t>ジンケンヒ</t>
    </rPh>
    <rPh sb="116" eb="118">
      <t>カイゼン</t>
    </rPh>
    <rPh sb="119" eb="121">
      <t>ショヨウ</t>
    </rPh>
    <rPh sb="121" eb="122">
      <t>ガク</t>
    </rPh>
    <rPh sb="186" eb="189">
      <t>グタイテキ</t>
    </rPh>
    <rPh sb="190" eb="192">
      <t>サンシュツ</t>
    </rPh>
    <rPh sb="192" eb="194">
      <t>ホウホウ</t>
    </rPh>
    <rPh sb="195" eb="196">
      <t>ト</t>
    </rPh>
    <rPh sb="202" eb="204">
      <t>ケンシュウ</t>
    </rPh>
    <rPh sb="204" eb="205">
      <t>ヒ</t>
    </rPh>
    <rPh sb="206" eb="208">
      <t>カイゴ</t>
    </rPh>
    <rPh sb="208" eb="210">
      <t>ジョシュ</t>
    </rPh>
    <rPh sb="210" eb="211">
      <t>トウ</t>
    </rPh>
    <rPh sb="212" eb="214">
      <t>ボシュウ</t>
    </rPh>
    <rPh sb="214" eb="216">
      <t>ケイヒ</t>
    </rPh>
    <rPh sb="217" eb="218">
      <t>ツ</t>
    </rPh>
    <rPh sb="219" eb="220">
      <t>ア</t>
    </rPh>
    <rPh sb="223" eb="224">
      <t>タ</t>
    </rPh>
    <rPh sb="225" eb="226">
      <t>ア</t>
    </rPh>
    <rPh sb="232" eb="234">
      <t>テキセツ</t>
    </rPh>
    <rPh sb="235" eb="237">
      <t>ホウホウ</t>
    </rPh>
    <rPh sb="240" eb="242">
      <t>サンシュツ</t>
    </rPh>
    <phoneticPr fontId="35"/>
  </si>
  <si>
    <t>天童市</t>
  </si>
  <si>
    <t>氷川町</t>
  </si>
  <si>
    <t>【注意】本シートは様式作成用のため、本実績報告書の提出を紙で行う場合、本シートの提出は不要です。
ただし、自治体に電子媒体で提出する場合は、本シートを削除せずそのまま提出してください。</t>
    <rPh sb="18" eb="19">
      <t>ホン</t>
    </rPh>
    <rPh sb="19" eb="21">
      <t>ジッセキ</t>
    </rPh>
    <rPh sb="21" eb="24">
      <t>ホウコクショ</t>
    </rPh>
    <rPh sb="25" eb="27">
      <t>テイシュツ</t>
    </rPh>
    <rPh sb="30" eb="31">
      <t>オコナ</t>
    </rPh>
    <phoneticPr fontId="21"/>
  </si>
  <si>
    <t>朝日町</t>
  </si>
  <si>
    <t>姫路市</t>
  </si>
  <si>
    <t>九戸村</t>
  </si>
  <si>
    <t>市区町村</t>
    <rPh sb="0" eb="2">
      <t>シク</t>
    </rPh>
    <rPh sb="2" eb="4">
      <t>チョウソン</t>
    </rPh>
    <phoneticPr fontId="35"/>
  </si>
  <si>
    <t>宮崎県</t>
  </si>
  <si>
    <t>当別町</t>
  </si>
  <si>
    <t>四街道市</t>
  </si>
  <si>
    <t>志賀町</t>
  </si>
  <si>
    <t>佐世保市</t>
  </si>
  <si>
    <t>提出先</t>
    <rPh sb="0" eb="2">
      <t>テイシュツ</t>
    </rPh>
    <rPh sb="2" eb="3">
      <t>サキ</t>
    </rPh>
    <phoneticPr fontId="35"/>
  </si>
  <si>
    <t>●「別紙様式3-1」を完成させるには、「基本情報入力シート」「別紙様式3-2」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1" eb="43">
      <t>テンキ</t>
    </rPh>
    <rPh sb="46" eb="48">
      <t>ジョウホウ</t>
    </rPh>
    <rPh sb="49" eb="51">
      <t>ヒツヨウ</t>
    </rPh>
    <rPh sb="65" eb="67">
      <t>カンセイ</t>
    </rPh>
    <phoneticPr fontId="35"/>
  </si>
  <si>
    <t>楢葉町</t>
  </si>
  <si>
    <t>長南町</t>
  </si>
  <si>
    <t>大分市</t>
  </si>
  <si>
    <t>さくら市</t>
  </si>
  <si>
    <r>
      <t xml:space="preserve">介護人材確保・職場環境改善等事業の届出に係る提出先（都道府県）を選択してください。
</t>
    </r>
    <r>
      <rPr>
        <sz val="12"/>
        <color auto="1"/>
        <rFont val="ＭＳ Ｐゴシック"/>
      </rPr>
      <t>実績報告書は都道府県単位で作成し、提出してください。</t>
    </r>
    <rPh sb="17" eb="19">
      <t>トドケデ</t>
    </rPh>
    <rPh sb="20" eb="21">
      <t>カカ</t>
    </rPh>
    <rPh sb="26" eb="30">
      <t>トドウフケン</t>
    </rPh>
    <rPh sb="42" eb="44">
      <t>ジッセキ</t>
    </rPh>
    <rPh sb="44" eb="47">
      <t>ホウコクショ</t>
    </rPh>
    <rPh sb="48" eb="52">
      <t>トドウフケン</t>
    </rPh>
    <rPh sb="52" eb="54">
      <t>タンイ</t>
    </rPh>
    <rPh sb="55" eb="57">
      <t>サクセイ</t>
    </rPh>
    <rPh sb="59" eb="61">
      <t>テイシュツ</t>
    </rPh>
    <phoneticPr fontId="35"/>
  </si>
  <si>
    <t>補助金による人件費改善以外の部分で賃金水準を引き下げていない</t>
    <rPh sb="6" eb="9">
      <t>ジンケンヒ</t>
    </rPh>
    <phoneticPr fontId="35"/>
  </si>
  <si>
    <t>勝浦町</t>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35"/>
  </si>
  <si>
    <t>葉山町</t>
  </si>
  <si>
    <t>大槌町</t>
  </si>
  <si>
    <t>富岡町</t>
  </si>
  <si>
    <t>五條市</t>
  </si>
  <si>
    <t>安八町</t>
  </si>
  <si>
    <t>東京都</t>
  </si>
  <si>
    <t>事業所名</t>
    <rPh sb="0" eb="3">
      <t>ジギョウショ</t>
    </rPh>
    <rPh sb="3" eb="4">
      <t>メイ</t>
    </rPh>
    <phoneticPr fontId="35"/>
  </si>
  <si>
    <t>２　基本情報</t>
    <rPh sb="2" eb="4">
      <t>キホン</t>
    </rPh>
    <rPh sb="4" eb="6">
      <t>ジョウホウ</t>
    </rPh>
    <phoneticPr fontId="35"/>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35"/>
  </si>
  <si>
    <t>瑞浪市</t>
  </si>
  <si>
    <t>フリガナ</t>
  </si>
  <si>
    <t>72</t>
  </si>
  <si>
    <t>名称</t>
    <rPh sb="0" eb="2">
      <t>メイショウ</t>
    </rPh>
    <phoneticPr fontId="35"/>
  </si>
  <si>
    <t>真狩村</t>
  </si>
  <si>
    <t>認知症対応型共同生活介護</t>
    <rPh sb="0" eb="2">
      <t>ニンチ</t>
    </rPh>
    <rPh sb="2" eb="3">
      <t>ショウ</t>
    </rPh>
    <rPh sb="3" eb="6">
      <t>タイオウガタ</t>
    </rPh>
    <rPh sb="6" eb="8">
      <t>キョウドウ</t>
    </rPh>
    <rPh sb="8" eb="10">
      <t>セイカツ</t>
    </rPh>
    <rPh sb="10" eb="12">
      <t>カイゴ</t>
    </rPh>
    <phoneticPr fontId="35"/>
  </si>
  <si>
    <t>野々市市</t>
  </si>
  <si>
    <t>別紙様式３－１（補助金）</t>
    <rPh sb="0" eb="2">
      <t>ベッシ</t>
    </rPh>
    <rPh sb="2" eb="4">
      <t>ヨウシキ</t>
    </rPh>
    <rPh sb="8" eb="11">
      <t>ホジョキン</t>
    </rPh>
    <phoneticPr fontId="35"/>
  </si>
  <si>
    <t>酒田市</t>
  </si>
  <si>
    <t>東御市</t>
  </si>
  <si>
    <t>〒結合</t>
    <rPh sb="1" eb="3">
      <t>ケツゴウ</t>
    </rPh>
    <phoneticPr fontId="35"/>
  </si>
  <si>
    <t>葛尾村</t>
  </si>
  <si>
    <t>１　基本情報</t>
    <rPh sb="2" eb="4">
      <t>キホン</t>
    </rPh>
    <rPh sb="4" eb="6">
      <t>ジョウホウ</t>
    </rPh>
    <phoneticPr fontId="35"/>
  </si>
  <si>
    <t>認知症対応型通所介護</t>
    <rPh sb="0" eb="2">
      <t>ニンチ</t>
    </rPh>
    <rPh sb="2" eb="3">
      <t>ショウ</t>
    </rPh>
    <rPh sb="3" eb="6">
      <t>タイオウガタ</t>
    </rPh>
    <rPh sb="6" eb="8">
      <t>ツウショ</t>
    </rPh>
    <rPh sb="8" eb="10">
      <t>カイゴ</t>
    </rPh>
    <phoneticPr fontId="35"/>
  </si>
  <si>
    <t>日高町</t>
  </si>
  <si>
    <t>海津市</t>
  </si>
  <si>
    <t>法人住所</t>
    <rPh sb="0" eb="2">
      <t>ホウジン</t>
    </rPh>
    <rPh sb="2" eb="4">
      <t>ジュウショ</t>
    </rPh>
    <phoneticPr fontId="35"/>
  </si>
  <si>
    <t>中央区</t>
  </si>
  <si>
    <t>匝瑳市</t>
  </si>
  <si>
    <t>〒</t>
  </si>
  <si>
    <t>小規模多機能型居宅介護</t>
    <rPh sb="0" eb="3">
      <t>ショウキボ</t>
    </rPh>
    <rPh sb="3" eb="7">
      <t>タキノウガタ</t>
    </rPh>
    <rPh sb="7" eb="9">
      <t>キョタク</t>
    </rPh>
    <rPh sb="9" eb="11">
      <t>カイゴ</t>
    </rPh>
    <phoneticPr fontId="35"/>
  </si>
  <si>
    <t>八幡市</t>
  </si>
  <si>
    <t>吉見町</t>
  </si>
  <si>
    <t>いわき市</t>
  </si>
  <si>
    <t>安芸高田市</t>
  </si>
  <si>
    <t>職名</t>
    <rPh sb="0" eb="2">
      <t>ショクメイ</t>
    </rPh>
    <phoneticPr fontId="35"/>
  </si>
  <si>
    <t>嘉島町</t>
  </si>
  <si>
    <t>福山市</t>
  </si>
  <si>
    <t>葛飾区</t>
  </si>
  <si>
    <t>サービス
コード</t>
  </si>
  <si>
    <t>－</t>
  </si>
  <si>
    <t>E-mail</t>
  </si>
  <si>
    <t>養老町</t>
  </si>
  <si>
    <t>16</t>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35"/>
  </si>
  <si>
    <t>【記入上の注意】
・本表に記載する事業所は、介護人材確保・職場環境改善等事業計画書の基本情報入力シートで当補助金を申請すると記載した事業所と一致しなければならない。
・事業所の数が多く、１枚に記載しきれない場合は、適宜、行を追加すること。</t>
    <rPh sb="36" eb="38">
      <t>ジギョウ</t>
    </rPh>
    <rPh sb="42" eb="48">
      <t>キホンジョウホウニュウリョク</t>
    </rPh>
    <rPh sb="52" eb="53">
      <t>トウ</t>
    </rPh>
    <rPh sb="53" eb="56">
      <t>ホジョキン</t>
    </rPh>
    <rPh sb="57" eb="59">
      <t>シンセイ</t>
    </rPh>
    <rPh sb="62" eb="64">
      <t>キサイ</t>
    </rPh>
    <phoneticPr fontId="35"/>
  </si>
  <si>
    <t>住所１（番地・住居番号まで）</t>
    <rPh sb="0" eb="2">
      <t>ジュウショ</t>
    </rPh>
    <rPh sb="4" eb="6">
      <t>バンチ</t>
    </rPh>
    <rPh sb="7" eb="9">
      <t>ジュウキョ</t>
    </rPh>
    <rPh sb="9" eb="11">
      <t>バンゴウ</t>
    </rPh>
    <phoneticPr fontId="35"/>
  </si>
  <si>
    <t>遊佐町</t>
  </si>
  <si>
    <t>介護老人福祉施設サービス</t>
    <rPh sb="0" eb="2">
      <t>カイゴ</t>
    </rPh>
    <rPh sb="2" eb="4">
      <t>ロウジン</t>
    </rPh>
    <rPh sb="4" eb="6">
      <t>フクシ</t>
    </rPh>
    <rPh sb="6" eb="8">
      <t>シセツ</t>
    </rPh>
    <phoneticPr fontId="35"/>
  </si>
  <si>
    <t>小豆島町</t>
  </si>
  <si>
    <t>22</t>
  </si>
  <si>
    <t>住所２（建物名等）</t>
    <rPh sb="0" eb="2">
      <t>ジュウショ</t>
    </rPh>
    <rPh sb="4" eb="6">
      <t>タテモノ</t>
    </rPh>
    <rPh sb="6" eb="7">
      <t>メイ</t>
    </rPh>
    <rPh sb="7" eb="8">
      <t>トウ</t>
    </rPh>
    <phoneticPr fontId="35"/>
  </si>
  <si>
    <t>舟橋村</t>
  </si>
  <si>
    <t>東川町</t>
  </si>
  <si>
    <t>京極町</t>
  </si>
  <si>
    <t>真岡市</t>
  </si>
  <si>
    <t>由良町</t>
  </si>
  <si>
    <t>和寒町</t>
  </si>
  <si>
    <t>法人代表者</t>
    <rPh sb="0" eb="2">
      <t>ホウジン</t>
    </rPh>
    <rPh sb="2" eb="5">
      <t>ダイヒョウシャ</t>
    </rPh>
    <phoneticPr fontId="35"/>
  </si>
  <si>
    <t>本別町</t>
  </si>
  <si>
    <t>（確認用）提出前のチェックリスト</t>
    <rPh sb="1" eb="4">
      <t>カクニンヨウ</t>
    </rPh>
    <phoneticPr fontId="35"/>
  </si>
  <si>
    <t>尾道市</t>
  </si>
  <si>
    <t>氏名</t>
    <rPh sb="0" eb="2">
      <t>シメイ</t>
    </rPh>
    <phoneticPr fontId="35"/>
  </si>
  <si>
    <t>宮崎市</t>
  </si>
  <si>
    <t>田舎館村</t>
  </si>
  <si>
    <t>安平町</t>
  </si>
  <si>
    <t>③職場環境改善の所要額（（ア）～（ウ）の合計）</t>
    <rPh sb="1" eb="3">
      <t>ショクバ</t>
    </rPh>
    <rPh sb="3" eb="5">
      <t>カンキョウ</t>
    </rPh>
    <rPh sb="5" eb="7">
      <t>カイゼン</t>
    </rPh>
    <rPh sb="8" eb="10">
      <t>ショヨウ</t>
    </rPh>
    <rPh sb="10" eb="11">
      <t>ガク</t>
    </rPh>
    <rPh sb="20" eb="22">
      <t>ゴウケイ</t>
    </rPh>
    <phoneticPr fontId="35"/>
  </si>
  <si>
    <t>川崎市</t>
  </si>
  <si>
    <t>太子町</t>
  </si>
  <si>
    <t>通し番号</t>
    <rPh sb="0" eb="1">
      <t>トオ</t>
    </rPh>
    <rPh sb="2" eb="4">
      <t>バンゴウ</t>
    </rPh>
    <phoneticPr fontId="35"/>
  </si>
  <si>
    <t>古河市</t>
  </si>
  <si>
    <t>越前町</t>
  </si>
  <si>
    <t>恵庭市</t>
  </si>
  <si>
    <t>摂津市</t>
  </si>
  <si>
    <t>法人番号</t>
    <rPh sb="0" eb="2">
      <t>ホウジン</t>
    </rPh>
    <rPh sb="2" eb="4">
      <t>バンゴウ</t>
    </rPh>
    <phoneticPr fontId="35"/>
  </si>
  <si>
    <t>吉川市</t>
  </si>
  <si>
    <t>木祖村</t>
  </si>
  <si>
    <t>会津坂下町</t>
  </si>
  <si>
    <t>夜間対応型訪問介護</t>
    <rPh sb="0" eb="2">
      <t>ヤカン</t>
    </rPh>
    <rPh sb="2" eb="4">
      <t>タイオウ</t>
    </rPh>
    <rPh sb="4" eb="5">
      <t>ガタ</t>
    </rPh>
    <rPh sb="5" eb="7">
      <t>ホウモン</t>
    </rPh>
    <rPh sb="7" eb="9">
      <t>カイゴ</t>
    </rPh>
    <phoneticPr fontId="35"/>
  </si>
  <si>
    <t>中央市</t>
  </si>
  <si>
    <t>小樽市</t>
  </si>
  <si>
    <t>下表に必要事項を入力してください。記入内容が別紙様式3-2（補助金）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3">
      <t>ホジョキン</t>
    </rPh>
    <rPh sb="35" eb="37">
      <t>ハンエイ</t>
    </rPh>
    <phoneticPr fontId="35"/>
  </si>
  <si>
    <t>一宮町</t>
  </si>
  <si>
    <t>津和野町</t>
  </si>
  <si>
    <t>那須町</t>
  </si>
  <si>
    <t>草津市</t>
  </si>
  <si>
    <t>大島町</t>
  </si>
  <si>
    <t>粟島浦村</t>
  </si>
  <si>
    <t>書類作成
担当者</t>
    <rPh sb="0" eb="2">
      <t>ショルイ</t>
    </rPh>
    <rPh sb="2" eb="4">
      <t>サクセイ</t>
    </rPh>
    <rPh sb="5" eb="8">
      <t>タントウシャ</t>
    </rPh>
    <phoneticPr fontId="35"/>
  </si>
  <si>
    <t>御蔵島村</t>
  </si>
  <si>
    <t>訪問介護</t>
    <rPh sb="0" eb="2">
      <t>ホウモン</t>
    </rPh>
    <rPh sb="2" eb="4">
      <t>カイゴ</t>
    </rPh>
    <phoneticPr fontId="35"/>
  </si>
  <si>
    <t>神栖市</t>
  </si>
  <si>
    <t>下野市</t>
  </si>
  <si>
    <t>南伊豆町</t>
  </si>
  <si>
    <t>上川町</t>
  </si>
  <si>
    <t>連絡先</t>
    <rPh sb="0" eb="3">
      <t>レンラクサキ</t>
    </rPh>
    <phoneticPr fontId="35"/>
  </si>
  <si>
    <t>葛巻町</t>
  </si>
  <si>
    <t>青梅市</t>
  </si>
  <si>
    <t>電話番号</t>
    <rPh sb="0" eb="2">
      <t>デンワ</t>
    </rPh>
    <rPh sb="2" eb="4">
      <t>バンゴウ</t>
    </rPh>
    <phoneticPr fontId="35"/>
  </si>
  <si>
    <t>杉並区</t>
  </si>
  <si>
    <t>由仁町</t>
  </si>
  <si>
    <t>介護保険事業所番号</t>
    <rPh sb="0" eb="2">
      <t>カイゴ</t>
    </rPh>
    <rPh sb="2" eb="4">
      <t>ホケン</t>
    </rPh>
    <rPh sb="4" eb="6">
      <t>ジギョウ</t>
    </rPh>
    <rPh sb="6" eb="7">
      <t>ショ</t>
    </rPh>
    <rPh sb="7" eb="9">
      <t>バンゴウ</t>
    </rPh>
    <phoneticPr fontId="35"/>
  </si>
  <si>
    <t>太良町</t>
  </si>
  <si>
    <t>陸別町</t>
  </si>
  <si>
    <t>小規模多機能型居宅介護（短期利用型）</t>
    <rPh sb="0" eb="3">
      <t>ショウキボ</t>
    </rPh>
    <rPh sb="3" eb="7">
      <t>タキノウガタ</t>
    </rPh>
    <rPh sb="7" eb="9">
      <t>キョタク</t>
    </rPh>
    <rPh sb="9" eb="11">
      <t>カイゴ</t>
    </rPh>
    <rPh sb="12" eb="14">
      <t>タンキ</t>
    </rPh>
    <rPh sb="14" eb="17">
      <t>リヨウガタ</t>
    </rPh>
    <phoneticPr fontId="35"/>
  </si>
  <si>
    <t>海田町</t>
  </si>
  <si>
    <t>函館市</t>
  </si>
  <si>
    <t>都道府県</t>
    <rPh sb="0" eb="4">
      <t>トドウフケン</t>
    </rPh>
    <phoneticPr fontId="35"/>
  </si>
  <si>
    <t>皆野町</t>
  </si>
  <si>
    <t>富津市</t>
  </si>
  <si>
    <t>南風原町</t>
  </si>
  <si>
    <t>玖珠町</t>
  </si>
  <si>
    <t>指定権者名</t>
    <rPh sb="0" eb="2">
      <t>シテイ</t>
    </rPh>
    <rPh sb="2" eb="3">
      <t>ケン</t>
    </rPh>
    <rPh sb="3" eb="4">
      <t>ジャ</t>
    </rPh>
    <rPh sb="4" eb="5">
      <t>メイ</t>
    </rPh>
    <phoneticPr fontId="35"/>
  </si>
  <si>
    <t>川口市</t>
  </si>
  <si>
    <t>事業所の所在地</t>
    <rPh sb="0" eb="3">
      <t>ジギョウショ</t>
    </rPh>
    <rPh sb="4" eb="7">
      <t>ショザイチ</t>
    </rPh>
    <phoneticPr fontId="35"/>
  </si>
  <si>
    <t>南木曽町</t>
  </si>
  <si>
    <t>事業所名</t>
    <rPh sb="0" eb="2">
      <t>ジギョウ</t>
    </rPh>
    <rPh sb="2" eb="3">
      <t>ショ</t>
    </rPh>
    <rPh sb="3" eb="4">
      <t>メイ</t>
    </rPh>
    <phoneticPr fontId="35"/>
  </si>
  <si>
    <t>南陽市</t>
  </si>
  <si>
    <t>サービス名</t>
    <rPh sb="4" eb="5">
      <t>メイ</t>
    </rPh>
    <phoneticPr fontId="35"/>
  </si>
  <si>
    <t>釧路市</t>
  </si>
  <si>
    <t>八雲町</t>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5"/>
  </si>
  <si>
    <t>③（ウ）「その他の金額」に記載した場合の使途</t>
    <rPh sb="7" eb="8">
      <t>タ</t>
    </rPh>
    <rPh sb="9" eb="12">
      <t>キンガク）</t>
    </rPh>
    <rPh sb="13" eb="15">
      <t>キサイ</t>
    </rPh>
    <rPh sb="17" eb="19">
      <t>バアイ</t>
    </rPh>
    <rPh sb="20" eb="22">
      <t>シト</t>
    </rPh>
    <phoneticPr fontId="35"/>
  </si>
  <si>
    <t>訪問入浴介護</t>
    <rPh sb="0" eb="2">
      <t>ホウモン</t>
    </rPh>
    <rPh sb="2" eb="4">
      <t>ニュウヨク</t>
    </rPh>
    <rPh sb="4" eb="6">
      <t>カイゴ</t>
    </rPh>
    <phoneticPr fontId="35"/>
  </si>
  <si>
    <t>狭山市</t>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35"/>
  </si>
  <si>
    <t>新居浜市</t>
  </si>
  <si>
    <t>本宮市</t>
  </si>
  <si>
    <t>介護予防訪問入浴介護</t>
    <rPh sb="0" eb="2">
      <t>カイゴ</t>
    </rPh>
    <rPh sb="2" eb="4">
      <t>ヨボウ</t>
    </rPh>
    <rPh sb="4" eb="6">
      <t>ホウモン</t>
    </rPh>
    <rPh sb="6" eb="8">
      <t>ニュウヨク</t>
    </rPh>
    <rPh sb="8" eb="10">
      <t>カイゴ</t>
    </rPh>
    <phoneticPr fontId="35"/>
  </si>
  <si>
    <t>稲美町</t>
  </si>
  <si>
    <t>湖西市</t>
  </si>
  <si>
    <t>通所介護</t>
    <rPh sb="0" eb="2">
      <t>ツウショ</t>
    </rPh>
    <rPh sb="2" eb="4">
      <t>カイゴ</t>
    </rPh>
    <phoneticPr fontId="35"/>
  </si>
  <si>
    <t>A7</t>
  </si>
  <si>
    <t>地域密着型通所介護</t>
    <rPh sb="0" eb="2">
      <t>チイキ</t>
    </rPh>
    <rPh sb="2" eb="5">
      <t>ミッチャクガタ</t>
    </rPh>
    <rPh sb="5" eb="7">
      <t>ツウショ</t>
    </rPh>
    <rPh sb="7" eb="9">
      <t>カイゴ</t>
    </rPh>
    <phoneticPr fontId="35"/>
  </si>
  <si>
    <t>　</t>
  </si>
  <si>
    <t>介護予防小規模多機能型居宅介護（短期利用型）</t>
    <rPh sb="0" eb="2">
      <t>カイゴ</t>
    </rPh>
    <rPh sb="2" eb="4">
      <t>ヨボウ</t>
    </rPh>
    <phoneticPr fontId="35"/>
  </si>
  <si>
    <t>広野町</t>
  </si>
  <si>
    <t>にかほ市</t>
  </si>
  <si>
    <t>28</t>
  </si>
  <si>
    <t>通所リハビリテーション</t>
    <rPh sb="0" eb="2">
      <t>ツウショ</t>
    </rPh>
    <phoneticPr fontId="35"/>
  </si>
  <si>
    <t>北斗市</t>
  </si>
  <si>
    <t>那智勝浦町</t>
  </si>
  <si>
    <t>介護予防通所リハビリテーション</t>
    <rPh sb="0" eb="2">
      <t>カイゴ</t>
    </rPh>
    <rPh sb="2" eb="4">
      <t>ヨボウ</t>
    </rPh>
    <rPh sb="4" eb="6">
      <t>ツウショ</t>
    </rPh>
    <phoneticPr fontId="35"/>
  </si>
  <si>
    <t>港区</t>
  </si>
  <si>
    <t>A3</t>
  </si>
  <si>
    <t>人件費改善及び職場環境改善改善の所要額の和が補助金の総額以上となること</t>
    <rPh sb="0" eb="3">
      <t>ジンケンヒ</t>
    </rPh>
    <rPh sb="3" eb="5">
      <t>カイゼン</t>
    </rPh>
    <rPh sb="5" eb="6">
      <t>オヨ</t>
    </rPh>
    <rPh sb="7" eb="13">
      <t>ショクバカンキョウカイゼン</t>
    </rPh>
    <rPh sb="13" eb="15">
      <t>カイゼン</t>
    </rPh>
    <rPh sb="16" eb="18">
      <t>ショヨウ</t>
    </rPh>
    <rPh sb="18" eb="19">
      <t>ガク</t>
    </rPh>
    <rPh sb="20" eb="21">
      <t>ワ</t>
    </rPh>
    <rPh sb="22" eb="25">
      <t>ホジョキン</t>
    </rPh>
    <rPh sb="27" eb="28">
      <t>ガク</t>
    </rPh>
    <rPh sb="28" eb="30">
      <t>イジョウ</t>
    </rPh>
    <phoneticPr fontId="35"/>
  </si>
  <si>
    <t>短期入所療養介護 （病院等（老健以外）)</t>
    <rPh sb="0" eb="2">
      <t>タンキ</t>
    </rPh>
    <phoneticPr fontId="35"/>
  </si>
  <si>
    <t>長生村</t>
  </si>
  <si>
    <t>白川村</t>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35"/>
  </si>
  <si>
    <t>苫小牧市</t>
  </si>
  <si>
    <t>府中市</t>
  </si>
  <si>
    <t>宮代町</t>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35"/>
  </si>
  <si>
    <t>中標津町</t>
  </si>
  <si>
    <t>中頓別町</t>
  </si>
  <si>
    <t>山元町</t>
  </si>
  <si>
    <t>佐倉市</t>
  </si>
  <si>
    <t>根羽村</t>
  </si>
  <si>
    <t>介護予防小規模多機能型居宅介護</t>
    <rPh sb="0" eb="2">
      <t>カイゴ</t>
    </rPh>
    <rPh sb="2" eb="4">
      <t>ヨボウ</t>
    </rPh>
    <rPh sb="4" eb="7">
      <t>ショウキボ</t>
    </rPh>
    <rPh sb="7" eb="11">
      <t>タキノウガタ</t>
    </rPh>
    <rPh sb="11" eb="13">
      <t>キョタク</t>
    </rPh>
    <rPh sb="13" eb="15">
      <t>カイゴ</t>
    </rPh>
    <phoneticPr fontId="35"/>
  </si>
  <si>
    <t>日光市</t>
  </si>
  <si>
    <t>みなかみ町</t>
  </si>
  <si>
    <t>群馬県</t>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35"/>
  </si>
  <si>
    <t>栃木市</t>
  </si>
  <si>
    <t>筑紫野市</t>
  </si>
  <si>
    <t>栗山町</t>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35"/>
  </si>
  <si>
    <t>あま市</t>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35"/>
  </si>
  <si>
    <t>常陸太田市</t>
  </si>
  <si>
    <t>地域密着型介護老人福祉施設</t>
    <rPh sb="0" eb="2">
      <t>チイキ</t>
    </rPh>
    <rPh sb="2" eb="5">
      <t>ミッチャクガタ</t>
    </rPh>
    <rPh sb="5" eb="7">
      <t>カイゴ</t>
    </rPh>
    <rPh sb="7" eb="9">
      <t>ロウジン</t>
    </rPh>
    <rPh sb="9" eb="11">
      <t>フクシ</t>
    </rPh>
    <rPh sb="11" eb="13">
      <t>シセツ</t>
    </rPh>
    <phoneticPr fontId="35"/>
  </si>
  <si>
    <t>短期入所生活介護</t>
    <rPh sb="0" eb="2">
      <t>タンキ</t>
    </rPh>
    <rPh sb="2" eb="4">
      <t>ニュウショ</t>
    </rPh>
    <rPh sb="4" eb="6">
      <t>セイカツ</t>
    </rPh>
    <rPh sb="6" eb="8">
      <t>カイゴ</t>
    </rPh>
    <phoneticPr fontId="35"/>
  </si>
  <si>
    <t>三芳町</t>
  </si>
  <si>
    <t>粕屋町</t>
  </si>
  <si>
    <t>石狩市</t>
  </si>
  <si>
    <t>岩手県</t>
  </si>
  <si>
    <t>立山町</t>
  </si>
  <si>
    <t>品川区</t>
  </si>
  <si>
    <t>島原市</t>
  </si>
  <si>
    <t>堺市</t>
  </si>
  <si>
    <t>介護予防短期入所生活介護</t>
    <rPh sb="0" eb="2">
      <t>カイゴ</t>
    </rPh>
    <rPh sb="2" eb="4">
      <t>ヨボウ</t>
    </rPh>
    <rPh sb="4" eb="6">
      <t>タンキ</t>
    </rPh>
    <rPh sb="6" eb="8">
      <t>ニュウショ</t>
    </rPh>
    <rPh sb="8" eb="10">
      <t>セイカツ</t>
    </rPh>
    <rPh sb="10" eb="12">
      <t>カイゴ</t>
    </rPh>
    <phoneticPr fontId="35"/>
  </si>
  <si>
    <t>A4</t>
  </si>
  <si>
    <t>介護老人保健施設サービス</t>
    <rPh sb="0" eb="2">
      <t>カイゴ</t>
    </rPh>
    <rPh sb="2" eb="4">
      <t>ロウジン</t>
    </rPh>
    <rPh sb="4" eb="6">
      <t>ホケン</t>
    </rPh>
    <rPh sb="6" eb="8">
      <t>シセツ</t>
    </rPh>
    <phoneticPr fontId="35"/>
  </si>
  <si>
    <t>上牧町</t>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35"/>
  </si>
  <si>
    <t>佐井村</t>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35"/>
  </si>
  <si>
    <t>十日町市</t>
  </si>
  <si>
    <t>芦別市</t>
  </si>
  <si>
    <t>文京区</t>
  </si>
  <si>
    <t>静岡県</t>
  </si>
  <si>
    <t>介護予防短期入所療養介護 （病院等（老健以外）)</t>
    <rPh sb="0" eb="2">
      <t>カイゴ</t>
    </rPh>
    <rPh sb="2" eb="4">
      <t>ヨボウ</t>
    </rPh>
    <phoneticPr fontId="35"/>
  </si>
  <si>
    <t>66</t>
  </si>
  <si>
    <t>東松山市</t>
  </si>
  <si>
    <t>富谷市</t>
    <rPh sb="2" eb="3">
      <t>シ</t>
    </rPh>
    <phoneticPr fontId="21"/>
  </si>
  <si>
    <t>涌谷町</t>
  </si>
  <si>
    <t>三島村</t>
  </si>
  <si>
    <t>介護医療院サービス</t>
    <rPh sb="0" eb="2">
      <t>カイゴ</t>
    </rPh>
    <rPh sb="2" eb="4">
      <t>イリョウ</t>
    </rPh>
    <rPh sb="4" eb="5">
      <t>イン</t>
    </rPh>
    <phoneticPr fontId="35"/>
  </si>
  <si>
    <t>68</t>
  </si>
  <si>
    <t>訪問型サービス（独自）</t>
    <rPh sb="0" eb="2">
      <t>ホウモン</t>
    </rPh>
    <rPh sb="2" eb="3">
      <t>ガタ</t>
    </rPh>
    <rPh sb="8" eb="10">
      <t>ドクジ</t>
    </rPh>
    <phoneticPr fontId="35"/>
  </si>
  <si>
    <t>須崎市</t>
  </si>
  <si>
    <t>訪問型サービス（独自／定率）</t>
    <rPh sb="0" eb="2">
      <t>ホウモン</t>
    </rPh>
    <rPh sb="2" eb="3">
      <t>ガタ</t>
    </rPh>
    <rPh sb="8" eb="10">
      <t>ドクジ</t>
    </rPh>
    <rPh sb="11" eb="13">
      <t>テイリツ</t>
    </rPh>
    <phoneticPr fontId="35"/>
  </si>
  <si>
    <t>大田市</t>
  </si>
  <si>
    <t>沼田町</t>
  </si>
  <si>
    <t>軽米町</t>
  </si>
  <si>
    <t>サービスコード</t>
  </si>
  <si>
    <t>新宿区</t>
  </si>
  <si>
    <t>富士吉田市</t>
  </si>
  <si>
    <t>訪問型サービス（独自／定額）</t>
    <rPh sb="0" eb="2">
      <t>ホウモン</t>
    </rPh>
    <rPh sb="2" eb="3">
      <t>ガタ</t>
    </rPh>
    <rPh sb="8" eb="10">
      <t>ドクジ</t>
    </rPh>
    <rPh sb="11" eb="13">
      <t>テイガク</t>
    </rPh>
    <phoneticPr fontId="35"/>
  </si>
  <si>
    <t>通所型サービス（独自）</t>
    <rPh sb="0" eb="2">
      <t>ツウショ</t>
    </rPh>
    <rPh sb="2" eb="3">
      <t>ガタ</t>
    </rPh>
    <rPh sb="8" eb="10">
      <t>ドクジ</t>
    </rPh>
    <phoneticPr fontId="35"/>
  </si>
  <si>
    <t>通所型サービス（独自／定率）</t>
    <rPh sb="0" eb="2">
      <t>ツウショ</t>
    </rPh>
    <rPh sb="2" eb="3">
      <t>ガタ</t>
    </rPh>
    <rPh sb="8" eb="10">
      <t>ドクジ</t>
    </rPh>
    <rPh sb="11" eb="13">
      <t>テイリツ</t>
    </rPh>
    <phoneticPr fontId="35"/>
  </si>
  <si>
    <t>八代市</t>
  </si>
  <si>
    <t>通所型サービス（独自／定額）</t>
    <rPh sb="0" eb="2">
      <t>ツウショ</t>
    </rPh>
    <rPh sb="2" eb="3">
      <t>ガタ</t>
    </rPh>
    <rPh sb="8" eb="10">
      <t>ドクジ</t>
    </rPh>
    <rPh sb="11" eb="13">
      <t>テイガク</t>
    </rPh>
    <phoneticPr fontId="35"/>
  </si>
  <si>
    <t>佐伯市</t>
  </si>
  <si>
    <t>苫前町</t>
  </si>
  <si>
    <t>大阪市</t>
  </si>
  <si>
    <t>中川町</t>
  </si>
  <si>
    <t>古平町</t>
  </si>
  <si>
    <t>台東区</t>
  </si>
  <si>
    <t>浅口市</t>
  </si>
  <si>
    <t>介護人材確保・職場環境改善等事業 実績報告書</t>
    <rPh sb="0" eb="2">
      <t>カイゴ</t>
    </rPh>
    <rPh sb="14" eb="16">
      <t>ジギョウ</t>
    </rPh>
    <rPh sb="17" eb="22">
      <t>ジッセキホウコクショ</t>
    </rPh>
    <phoneticPr fontId="35"/>
  </si>
  <si>
    <t>法人所在地</t>
    <rPh sb="0" eb="2">
      <t>ホウジン</t>
    </rPh>
    <rPh sb="2" eb="5">
      <t>ショザイチ</t>
    </rPh>
    <phoneticPr fontId="35"/>
  </si>
  <si>
    <t>横瀬町</t>
  </si>
  <si>
    <t>幸田町</t>
  </si>
  <si>
    <t>介護保険事業所番号</t>
    <rPh sb="0" eb="2">
      <t>カイゴ</t>
    </rPh>
    <rPh sb="2" eb="4">
      <t>ホケン</t>
    </rPh>
    <rPh sb="4" eb="7">
      <t>ジギョウショ</t>
    </rPh>
    <rPh sb="7" eb="9">
      <t>バンゴウ</t>
    </rPh>
    <phoneticPr fontId="35"/>
  </si>
  <si>
    <t>書類作成担当者</t>
    <rPh sb="0" eb="2">
      <t>ショルイ</t>
    </rPh>
    <rPh sb="2" eb="4">
      <t>サクセイ</t>
    </rPh>
    <rPh sb="4" eb="7">
      <t>タントウシャ</t>
    </rPh>
    <phoneticPr fontId="35"/>
  </si>
  <si>
    <t>睦沢町</t>
  </si>
  <si>
    <t>２　実績報告について</t>
    <rPh sb="2" eb="4">
      <t>ジッセキ</t>
    </rPh>
    <rPh sb="4" eb="6">
      <t>ホウコク</t>
    </rPh>
    <phoneticPr fontId="35"/>
  </si>
  <si>
    <t>藤岡市</t>
  </si>
  <si>
    <t>仙北市</t>
  </si>
  <si>
    <t>添田町</t>
  </si>
  <si>
    <t>小諸市</t>
  </si>
  <si>
    <t>①補助金の総額（②と③の合計が①以上となること）</t>
    <rPh sb="5" eb="7">
      <t>ソウガク</t>
    </rPh>
    <rPh sb="12" eb="14">
      <t>ゴウケイ</t>
    </rPh>
    <rPh sb="16" eb="18">
      <t>イジョウ</t>
    </rPh>
    <phoneticPr fontId="35"/>
  </si>
  <si>
    <t>円</t>
    <rPh sb="0" eb="1">
      <t>エン</t>
    </rPh>
    <phoneticPr fontId="35"/>
  </si>
  <si>
    <t>袖ケ浦市</t>
  </si>
  <si>
    <t>河内長野市</t>
  </si>
  <si>
    <t>弟子屈町</t>
  </si>
  <si>
    <t>！この欄が○でない場合、人件費改善と職場環境改善の所要額の和が補助金総額以上になっていません。</t>
    <rPh sb="3" eb="4">
      <t>ラン</t>
    </rPh>
    <rPh sb="9" eb="11">
      <t>バアイ</t>
    </rPh>
    <rPh sb="12" eb="15">
      <t>ジンケンヒ</t>
    </rPh>
    <rPh sb="16" eb="17">
      <t>チンカイ</t>
    </rPh>
    <rPh sb="18" eb="20">
      <t>ショクバ</t>
    </rPh>
    <rPh sb="20" eb="22">
      <t>カンキョウ</t>
    </rPh>
    <rPh sb="22" eb="24">
      <t>カイゼン</t>
    </rPh>
    <rPh sb="25" eb="27">
      <t>ショヨウ</t>
    </rPh>
    <rPh sb="27" eb="28">
      <t>ガク</t>
    </rPh>
    <rPh sb="29" eb="30">
      <t>ワ</t>
    </rPh>
    <rPh sb="31" eb="34">
      <t>ホジョキン</t>
    </rPh>
    <rPh sb="34" eb="36">
      <t>ソウガク</t>
    </rPh>
    <rPh sb="36" eb="38">
      <t>イジョウ</t>
    </rPh>
    <phoneticPr fontId="35"/>
  </si>
  <si>
    <t>白岡市</t>
    <rPh sb="0" eb="2">
      <t>シラオカ</t>
    </rPh>
    <rPh sb="2" eb="3">
      <t>シ</t>
    </rPh>
    <phoneticPr fontId="21"/>
  </si>
  <si>
    <t>②人件費改善の所要額</t>
    <rPh sb="1" eb="4">
      <t>ジンケンヒ</t>
    </rPh>
    <rPh sb="4" eb="6">
      <t>カイゼン</t>
    </rPh>
    <rPh sb="7" eb="9">
      <t>ショヨウ</t>
    </rPh>
    <phoneticPr fontId="35"/>
  </si>
  <si>
    <t>北谷町</t>
  </si>
  <si>
    <t>五島市</t>
  </si>
  <si>
    <t>長野原町</t>
  </si>
  <si>
    <t>西海市</t>
  </si>
  <si>
    <t>久留米市</t>
  </si>
  <si>
    <t>志摩市</t>
  </si>
  <si>
    <t>（ア）研修費</t>
    <rPh sb="3" eb="5">
      <t>ケンシュウ</t>
    </rPh>
    <rPh sb="5" eb="6">
      <t>ヒ</t>
    </rPh>
    <phoneticPr fontId="35"/>
  </si>
  <si>
    <t>江差町</t>
  </si>
  <si>
    <t>（イ）介護助手等の募集経費</t>
    <rPh sb="3" eb="5">
      <t>カイゴ</t>
    </rPh>
    <rPh sb="5" eb="7">
      <t>ジョシュ</t>
    </rPh>
    <rPh sb="7" eb="8">
      <t>トウ</t>
    </rPh>
    <rPh sb="9" eb="11">
      <t>ボシュウ</t>
    </rPh>
    <rPh sb="11" eb="13">
      <t>ケイヒ</t>
    </rPh>
    <phoneticPr fontId="35"/>
  </si>
  <si>
    <t>（ウ）その他の金額</t>
    <rPh sb="5" eb="6">
      <t>タ</t>
    </rPh>
    <rPh sb="7" eb="9">
      <t>キンガク</t>
    </rPh>
    <phoneticPr fontId="35"/>
  </si>
  <si>
    <t>大町町</t>
  </si>
  <si>
    <t>下北山村</t>
  </si>
  <si>
    <t>泰阜村</t>
  </si>
  <si>
    <t>上田市</t>
  </si>
  <si>
    <t>鮫川村</t>
  </si>
  <si>
    <t>泊村</t>
    <rPh sb="0" eb="2">
      <t>トマリムラ</t>
    </rPh>
    <phoneticPr fontId="21"/>
  </si>
  <si>
    <t>歌志内市</t>
  </si>
  <si>
    <t>半田市</t>
  </si>
  <si>
    <t>松戸市</t>
  </si>
  <si>
    <t>愛知県</t>
  </si>
  <si>
    <t>対象となる要件</t>
    <rPh sb="0" eb="2">
      <t>タイショウ</t>
    </rPh>
    <rPh sb="5" eb="7">
      <t>ヨウケン</t>
    </rPh>
    <phoneticPr fontId="35"/>
  </si>
  <si>
    <t>守谷市</t>
  </si>
  <si>
    <t>！③（ウ）「その他の金額」に記載されていますが、使途分類が選択されていない又は備考欄に記載がありません。</t>
    <rPh sb="8" eb="9">
      <t>タ</t>
    </rPh>
    <rPh sb="10" eb="12">
      <t>キンガク</t>
    </rPh>
    <rPh sb="14" eb="16">
      <t>キサイ</t>
    </rPh>
    <rPh sb="24" eb="26">
      <t>シト</t>
    </rPh>
    <rPh sb="26" eb="28">
      <t>ブンルイ</t>
    </rPh>
    <rPh sb="29" eb="31">
      <t>センタク</t>
    </rPh>
    <rPh sb="37" eb="38">
      <t>マタ</t>
    </rPh>
    <rPh sb="39" eb="41">
      <t>ビコウ</t>
    </rPh>
    <rPh sb="41" eb="42">
      <t>ラン</t>
    </rPh>
    <rPh sb="43" eb="45">
      <t>キサイ</t>
    </rPh>
    <phoneticPr fontId="35"/>
  </si>
  <si>
    <t>３　補助金以外の部分で賃金水準を引き下げないことについて</t>
    <rPh sb="2" eb="5">
      <t>ホジョキン</t>
    </rPh>
    <rPh sb="5" eb="7">
      <t>イガイ</t>
    </rPh>
    <rPh sb="8" eb="10">
      <t>ブブン</t>
    </rPh>
    <rPh sb="11" eb="13">
      <t>チンギン</t>
    </rPh>
    <rPh sb="13" eb="15">
      <t>スイジュン</t>
    </rPh>
    <rPh sb="16" eb="17">
      <t>ヒ</t>
    </rPh>
    <rPh sb="18" eb="19">
      <t>サ</t>
    </rPh>
    <phoneticPr fontId="35"/>
  </si>
  <si>
    <t>花巻市</t>
  </si>
  <si>
    <t>飯綱町</t>
  </si>
  <si>
    <t>補助金を人件費の改善に使用した場合、補助金以外の部分で賃金水準を引き下げていません。</t>
    <rPh sb="0" eb="3">
      <t>ホジョキン</t>
    </rPh>
    <rPh sb="4" eb="7">
      <t>ジンケンヒ</t>
    </rPh>
    <rPh sb="8" eb="10">
      <t>カイゼン</t>
    </rPh>
    <rPh sb="11" eb="13">
      <t>シヨウ</t>
    </rPh>
    <rPh sb="15" eb="17">
      <t>バアイ</t>
    </rPh>
    <rPh sb="18" eb="21">
      <t>ホジョキン</t>
    </rPh>
    <rPh sb="21" eb="23">
      <t>イガイ</t>
    </rPh>
    <rPh sb="24" eb="26">
      <t>ブブン</t>
    </rPh>
    <rPh sb="27" eb="29">
      <t>チンギン</t>
    </rPh>
    <rPh sb="29" eb="31">
      <t>スイジュン</t>
    </rPh>
    <rPh sb="32" eb="33">
      <t>ヒ</t>
    </rPh>
    <rPh sb="34" eb="35">
      <t>サ</t>
    </rPh>
    <phoneticPr fontId="35"/>
  </si>
  <si>
    <t>松田町</t>
  </si>
  <si>
    <t>泉大津市</t>
  </si>
  <si>
    <t>足利市</t>
  </si>
  <si>
    <t>【記入上の注意】
・　やむを得ない事情により補助金以外の部分で賃金水準を引き下げた場合、下記備考欄に経緯の概要を記載すること。
　（例：事業規模の縮小に伴う職員数・賃金総額の減少等）</t>
    <rPh sb="1" eb="3">
      <t>キニュウ</t>
    </rPh>
    <rPh sb="3" eb="4">
      <t>ジョウ</t>
    </rPh>
    <rPh sb="5" eb="7">
      <t>チュウイ</t>
    </rPh>
    <rPh sb="22" eb="25">
      <t>ホジョキン</t>
    </rPh>
    <rPh sb="25" eb="27">
      <t>イガイ</t>
    </rPh>
    <rPh sb="28" eb="30">
      <t>ブブン</t>
    </rPh>
    <rPh sb="31" eb="33">
      <t>チンギン</t>
    </rPh>
    <rPh sb="33" eb="35">
      <t>スイジュン</t>
    </rPh>
    <rPh sb="36" eb="37">
      <t>ヒ</t>
    </rPh>
    <rPh sb="38" eb="39">
      <t>サ</t>
    </rPh>
    <rPh sb="41" eb="43">
      <t>バアイ</t>
    </rPh>
    <rPh sb="44" eb="46">
      <t>カキ</t>
    </rPh>
    <rPh sb="46" eb="48">
      <t>ビコウ</t>
    </rPh>
    <rPh sb="48" eb="49">
      <t>ラン</t>
    </rPh>
    <rPh sb="50" eb="52">
      <t>ケイイ</t>
    </rPh>
    <rPh sb="53" eb="55">
      <t>ガイヨウ</t>
    </rPh>
    <rPh sb="56" eb="58">
      <t>キサイ</t>
    </rPh>
    <rPh sb="66" eb="67">
      <t>レイ</t>
    </rPh>
    <phoneticPr fontId="35"/>
  </si>
  <si>
    <t>砺波市</t>
  </si>
  <si>
    <t>朝来市</t>
  </si>
  <si>
    <t>滝川市</t>
  </si>
  <si>
    <t>滑川市</t>
  </si>
  <si>
    <t>備考欄</t>
    <rPh sb="0" eb="2">
      <t>ビコウ</t>
    </rPh>
    <rPh sb="2" eb="3">
      <t>ラン</t>
    </rPh>
    <phoneticPr fontId="35"/>
  </si>
  <si>
    <t>阿賀野市</t>
  </si>
  <si>
    <t>上士幌町</t>
  </si>
  <si>
    <t>４　職場環境改善経費の消費税仕入控除税額について</t>
    <rPh sb="2" eb="4">
      <t>ショクバ</t>
    </rPh>
    <rPh sb="4" eb="6">
      <t>カンキョウ</t>
    </rPh>
    <rPh sb="6" eb="8">
      <t>カイゼン</t>
    </rPh>
    <rPh sb="8" eb="10">
      <t>ケイヒ</t>
    </rPh>
    <rPh sb="11" eb="14">
      <t>ショウヒゼイ</t>
    </rPh>
    <rPh sb="14" eb="16">
      <t>シイレ</t>
    </rPh>
    <rPh sb="16" eb="18">
      <t>コウジョ</t>
    </rPh>
    <rPh sb="18" eb="20">
      <t>ゼイガク</t>
    </rPh>
    <phoneticPr fontId="35"/>
  </si>
  <si>
    <t>御所市</t>
  </si>
  <si>
    <t>職場環境改善経費に消費税額を含めていない、又は消費税仕入控除税額を除外しています。
職場環境改善経費に消費税額を含めており、かつ控除税額が報告書作成時に未確定の場合は、確定後に都道府県指定の様式で報告することを理解しました。</t>
    <rPh sb="42" eb="44">
      <t>ショクバ</t>
    </rPh>
    <rPh sb="44" eb="46">
      <t>カンキョウ</t>
    </rPh>
    <rPh sb="46" eb="48">
      <t>カイゼン</t>
    </rPh>
    <rPh sb="48" eb="50">
      <t>ケイヒ</t>
    </rPh>
    <phoneticPr fontId="35"/>
  </si>
  <si>
    <t>平田村</t>
  </si>
  <si>
    <t>輪島市</t>
  </si>
  <si>
    <t>美波町</t>
  </si>
  <si>
    <t>５　記載内容に虚偽がないことの誓約</t>
    <rPh sb="2" eb="4">
      <t>キサイ</t>
    </rPh>
    <rPh sb="4" eb="6">
      <t>ナイヨウ</t>
    </rPh>
    <rPh sb="7" eb="9">
      <t>キョギ</t>
    </rPh>
    <rPh sb="15" eb="17">
      <t>セイヤク</t>
    </rPh>
    <phoneticPr fontId="35"/>
  </si>
  <si>
    <t>横手市</t>
  </si>
  <si>
    <t>斑鳩町</t>
  </si>
  <si>
    <t>音更町</t>
  </si>
  <si>
    <t>！この欄が×の場合、チェックが入っていない項目か、空欄の項目があります。</t>
    <rPh sb="3" eb="4">
      <t>ラン</t>
    </rPh>
    <rPh sb="7" eb="9">
      <t>バアイ</t>
    </rPh>
    <rPh sb="15" eb="16">
      <t>ハイ</t>
    </rPh>
    <rPh sb="21" eb="23">
      <t>コウモク</t>
    </rPh>
    <rPh sb="25" eb="27">
      <t>クウラン</t>
    </rPh>
    <rPh sb="28" eb="30">
      <t>コウモク</t>
    </rPh>
    <phoneticPr fontId="35"/>
  </si>
  <si>
    <t>木古内町</t>
  </si>
  <si>
    <t>東海村</t>
  </si>
  <si>
    <t>実績報告書の記載内容に虚偽がないこと及び記載内容を証明する資料を適切に保管していることを誓約します。</t>
  </si>
  <si>
    <t>令和</t>
    <rPh sb="0" eb="2">
      <t>レイワ</t>
    </rPh>
    <phoneticPr fontId="35"/>
  </si>
  <si>
    <t>羅臼町</t>
  </si>
  <si>
    <t>白糠町</t>
  </si>
  <si>
    <t>置戸町</t>
  </si>
  <si>
    <t>39</t>
  </si>
  <si>
    <t>年</t>
    <rPh sb="0" eb="1">
      <t>ネン</t>
    </rPh>
    <phoneticPr fontId="35"/>
  </si>
  <si>
    <t>清瀬市</t>
  </si>
  <si>
    <t>長門市</t>
  </si>
  <si>
    <t>③ 業務改善活動の体制構築</t>
  </si>
  <si>
    <t>ひたちなか市</t>
  </si>
  <si>
    <t>双葉町</t>
  </si>
  <si>
    <t>魚津市</t>
  </si>
  <si>
    <t>御浜町</t>
  </si>
  <si>
    <t>尾張旭市</t>
  </si>
  <si>
    <t>月</t>
    <rPh sb="0" eb="1">
      <t>ゲツ</t>
    </rPh>
    <phoneticPr fontId="35"/>
  </si>
  <si>
    <t>新潟県</t>
  </si>
  <si>
    <t>日</t>
    <rPh sb="0" eb="1">
      <t>ニチ</t>
    </rPh>
    <phoneticPr fontId="35"/>
  </si>
  <si>
    <t>62</t>
  </si>
  <si>
    <t>代表者</t>
    <rPh sb="0" eb="3">
      <t>ダイヒョウシャ</t>
    </rPh>
    <phoneticPr fontId="35"/>
  </si>
  <si>
    <t>紀の川市</t>
  </si>
  <si>
    <t>【記入上の注意】
・　各証明資料は、指定権者からの求めがあった場合には、速やかに提出すること。
・　本表への虚偽記載の他、補助金の請求に関して不正があった場合は、補助金を返還することとなる場合がある。</t>
    <rPh sb="1" eb="3">
      <t>キニュウ</t>
    </rPh>
    <rPh sb="3" eb="4">
      <t>ジョウ</t>
    </rPh>
    <rPh sb="5" eb="7">
      <t>チュウイ</t>
    </rPh>
    <phoneticPr fontId="35"/>
  </si>
  <si>
    <t>池田町</t>
  </si>
  <si>
    <t>愛別町</t>
  </si>
  <si>
    <t>以下の項目に「×」がないか、提出前に確認すること。「×」がある場合、当該項目の記載を修正すること。</t>
  </si>
  <si>
    <t>②</t>
  </si>
  <si>
    <t>長泉町</t>
  </si>
  <si>
    <t>③</t>
  </si>
  <si>
    <t>山形県</t>
  </si>
  <si>
    <t>職場環境改善を、研修費、介護助手等の募集経費以外に充てた場合、具体的な使途を記載していること</t>
    <rPh sb="28" eb="30">
      <t>バアイ</t>
    </rPh>
    <rPh sb="31" eb="34">
      <t>グタイテキ</t>
    </rPh>
    <rPh sb="35" eb="37">
      <t>シト</t>
    </rPh>
    <rPh sb="38" eb="40">
      <t>キサイ</t>
    </rPh>
    <phoneticPr fontId="35"/>
  </si>
  <si>
    <t>村田町</t>
  </si>
  <si>
    <t>３　補助金以外の部分で賃金水準を引き下げないことについて</t>
  </si>
  <si>
    <t>４　職場環境改善経費の消費税仕入控除税額について</t>
  </si>
  <si>
    <t>徳島市</t>
  </si>
  <si>
    <t>小布施町</t>
  </si>
  <si>
    <t>足寄町</t>
  </si>
  <si>
    <t>甲州市</t>
  </si>
  <si>
    <t>職場環境改善経費の消費税仕入控除税額について、取扱いを理解した</t>
    <rPh sb="9" eb="12">
      <t>ショウヒゼイ</t>
    </rPh>
    <rPh sb="12" eb="14">
      <t>シイレ</t>
    </rPh>
    <rPh sb="14" eb="16">
      <t>コウジョ</t>
    </rPh>
    <rPh sb="16" eb="18">
      <t>ゼイガク</t>
    </rPh>
    <rPh sb="23" eb="25">
      <t>トリアツカ</t>
    </rPh>
    <rPh sb="27" eb="29">
      <t>リカイ</t>
    </rPh>
    <phoneticPr fontId="35"/>
  </si>
  <si>
    <t>大桑村</t>
  </si>
  <si>
    <t>知内町</t>
  </si>
  <si>
    <t>５　記載内容に虚偽がないこと等の誓約</t>
    <rPh sb="2" eb="4">
      <t>キサイ</t>
    </rPh>
    <rPh sb="4" eb="6">
      <t>ナイヨウ</t>
    </rPh>
    <rPh sb="7" eb="9">
      <t>キョギ</t>
    </rPh>
    <rPh sb="14" eb="15">
      <t>トウ</t>
    </rPh>
    <rPh sb="16" eb="18">
      <t>セイヤク</t>
    </rPh>
    <phoneticPr fontId="35"/>
  </si>
  <si>
    <t>富士宮市</t>
  </si>
  <si>
    <t>誓約について、空欄の項目がない</t>
  </si>
  <si>
    <t>嵐山町</t>
  </si>
  <si>
    <t>備前市</t>
  </si>
  <si>
    <t>別紙様式３－２（補助金）</t>
    <rPh sb="0" eb="2">
      <t>ベッシ</t>
    </rPh>
    <rPh sb="2" eb="4">
      <t>ヨウシキ</t>
    </rPh>
    <rPh sb="8" eb="11">
      <t>ホジョキン</t>
    </rPh>
    <phoneticPr fontId="35"/>
  </si>
  <si>
    <t>平戸市</t>
  </si>
  <si>
    <t>鰺ヶ沢町</t>
  </si>
  <si>
    <t>71</t>
  </si>
  <si>
    <t>介護人材確保・職場環境改善等事業実績報告書（施設・事業所別個表）</t>
    <rPh sb="14" eb="16">
      <t>ジギョウ</t>
    </rPh>
    <rPh sb="16" eb="18">
      <t>ジッセキ</t>
    </rPh>
    <rPh sb="18" eb="21">
      <t>ホウコクショ</t>
    </rPh>
    <rPh sb="22" eb="24">
      <t>シセツ</t>
    </rPh>
    <rPh sb="25" eb="28">
      <t>ジギョウショ</t>
    </rPh>
    <rPh sb="28" eb="29">
      <t>ベツ</t>
    </rPh>
    <rPh sb="29" eb="31">
      <t>コヒョウ</t>
    </rPh>
    <phoneticPr fontId="35"/>
  </si>
  <si>
    <t>神河町</t>
  </si>
  <si>
    <t>猿払村</t>
  </si>
  <si>
    <t>天栄村</t>
  </si>
  <si>
    <t>京都府</t>
  </si>
  <si>
    <t>提出先の都道府県における補助金額の合計［円］</t>
    <rPh sb="0" eb="2">
      <t>テイシュツ</t>
    </rPh>
    <rPh sb="2" eb="3">
      <t>サキ</t>
    </rPh>
    <rPh sb="4" eb="8">
      <t>トドウフケン</t>
    </rPh>
    <rPh sb="15" eb="16">
      <t>ガク</t>
    </rPh>
    <rPh sb="17" eb="19">
      <t>ゴウケイ</t>
    </rPh>
    <rPh sb="20" eb="21">
      <t>エン</t>
    </rPh>
    <phoneticPr fontId="35"/>
  </si>
  <si>
    <t>豊岡市</t>
  </si>
  <si>
    <t>A8</t>
  </si>
  <si>
    <t>大府市</t>
  </si>
  <si>
    <t>補助金の総額[円]</t>
    <rPh sb="4" eb="6">
      <t>ソウガク</t>
    </rPh>
    <rPh sb="8" eb="9">
      <t>エン</t>
    </rPh>
    <phoneticPr fontId="35"/>
  </si>
  <si>
    <t>椎葉村</t>
  </si>
  <si>
    <t>表１　サービス名一覧</t>
    <rPh sb="7" eb="8">
      <t>ナ</t>
    </rPh>
    <rPh sb="8" eb="10">
      <t>イチラン</t>
    </rPh>
    <phoneticPr fontId="35"/>
  </si>
  <si>
    <t>中山町</t>
  </si>
  <si>
    <t>小平町</t>
  </si>
  <si>
    <t>表２　提出先一覧</t>
    <rPh sb="0" eb="1">
      <t>ヒョウ</t>
    </rPh>
    <rPh sb="3" eb="5">
      <t>テイシュツ</t>
    </rPh>
    <rPh sb="5" eb="6">
      <t>サキ</t>
    </rPh>
    <rPh sb="6" eb="8">
      <t>イチラン</t>
    </rPh>
    <phoneticPr fontId="35"/>
  </si>
  <si>
    <t>表３　事業所の所在地</t>
    <rPh sb="0" eb="1">
      <t>ヒョウ</t>
    </rPh>
    <rPh sb="3" eb="6">
      <t>ジギョウショ</t>
    </rPh>
    <rPh sb="7" eb="10">
      <t>ショザイチ</t>
    </rPh>
    <phoneticPr fontId="35"/>
  </si>
  <si>
    <t>表４　職場環境等要件</t>
    <rPh sb="0" eb="1">
      <t>ヒョウ</t>
    </rPh>
    <rPh sb="3" eb="5">
      <t>ショクバ</t>
    </rPh>
    <rPh sb="5" eb="7">
      <t>カンキョウ</t>
    </rPh>
    <rPh sb="7" eb="8">
      <t>トウ</t>
    </rPh>
    <rPh sb="8" eb="10">
      <t>ヨウケン</t>
    </rPh>
    <phoneticPr fontId="35"/>
  </si>
  <si>
    <t>参考</t>
    <rPh sb="0" eb="2">
      <t>サンコウ</t>
    </rPh>
    <phoneticPr fontId="35"/>
  </si>
  <si>
    <t>サービス区分</t>
    <rPh sb="4" eb="6">
      <t>クブン</t>
    </rPh>
    <phoneticPr fontId="35"/>
  </si>
  <si>
    <t>長崎市</t>
  </si>
  <si>
    <t>下川町</t>
  </si>
  <si>
    <t>東庄町</t>
  </si>
  <si>
    <t>コード値</t>
    <rPh sb="3" eb="4">
      <t>チ</t>
    </rPh>
    <phoneticPr fontId="35"/>
  </si>
  <si>
    <t>矢吹町</t>
  </si>
  <si>
    <t>一宮市</t>
  </si>
  <si>
    <t>市区町村</t>
    <rPh sb="0" eb="4">
      <t>シクチョウソン</t>
    </rPh>
    <phoneticPr fontId="35"/>
  </si>
  <si>
    <t>みやき町</t>
  </si>
  <si>
    <t>弥富市</t>
  </si>
  <si>
    <t>「その他」での使用に関係する職場環境等要件の項目</t>
    <rPh sb="3" eb="4">
      <t>タ</t>
    </rPh>
    <rPh sb="7" eb="9">
      <t>シヨウ</t>
    </rPh>
    <rPh sb="10" eb="12">
      <t>カンケイ</t>
    </rPh>
    <rPh sb="14" eb="21">
      <t>ショクバカンキョウトウヨウケン</t>
    </rPh>
    <rPh sb="22" eb="24">
      <t>コウモク</t>
    </rPh>
    <phoneticPr fontId="35"/>
  </si>
  <si>
    <t>石川県</t>
  </si>
  <si>
    <t>伊仙町</t>
  </si>
  <si>
    <t>チェックボックス</t>
  </si>
  <si>
    <t>土庄町</t>
  </si>
  <si>
    <t>五戸町</t>
  </si>
  <si>
    <t>長井市</t>
  </si>
  <si>
    <t>えびの市</t>
  </si>
  <si>
    <t>伊奈町</t>
  </si>
  <si>
    <t>共和町</t>
  </si>
  <si>
    <t>11</t>
  </si>
  <si>
    <t>東みよし町</t>
  </si>
  <si>
    <t>北海道</t>
  </si>
  <si>
    <t>会津若松市</t>
  </si>
  <si>
    <t>初山別村</t>
  </si>
  <si>
    <t>札幌市</t>
  </si>
  <si>
    <t>新上五島町</t>
  </si>
  <si>
    <t>野木町</t>
  </si>
  <si>
    <t>① 業務内容の明確化と職員間の適切な役割分担の取組</t>
  </si>
  <si>
    <t>広島県</t>
  </si>
  <si>
    <t>✓</t>
  </si>
  <si>
    <t>氷見市</t>
  </si>
  <si>
    <t>佐野市</t>
  </si>
  <si>
    <t>富士市</t>
  </si>
  <si>
    <t>藤崎町</t>
  </si>
  <si>
    <t>青森県</t>
  </si>
  <si>
    <t>② 介護職員等の業務の洗い出しや棚卸しなど、現場の課題の見える化</t>
  </si>
  <si>
    <t>岡山市</t>
  </si>
  <si>
    <t>76</t>
  </si>
  <si>
    <t>12</t>
  </si>
  <si>
    <t>身延町</t>
  </si>
  <si>
    <t>新十津川町</t>
  </si>
  <si>
    <t>大町市</t>
  </si>
  <si>
    <t>宮城県</t>
  </si>
  <si>
    <t>旭川市</t>
  </si>
  <si>
    <t>鳴門市</t>
  </si>
  <si>
    <t>洋野町</t>
  </si>
  <si>
    <t>今別町</t>
  </si>
  <si>
    <t>会津美里町</t>
  </si>
  <si>
    <t>阿賀町</t>
  </si>
  <si>
    <t>長万部町</t>
  </si>
  <si>
    <t>秋田県</t>
  </si>
  <si>
    <t>15</t>
  </si>
  <si>
    <t>東温市</t>
  </si>
  <si>
    <t>阿武町</t>
  </si>
  <si>
    <t>名古屋市</t>
  </si>
  <si>
    <t>西和賀町</t>
  </si>
  <si>
    <t>78</t>
  </si>
  <si>
    <t>上小阿仁村</t>
  </si>
  <si>
    <t>三春町</t>
  </si>
  <si>
    <t>福島県</t>
  </si>
  <si>
    <t>73</t>
  </si>
  <si>
    <t>利尻町</t>
  </si>
  <si>
    <t>帯広市</t>
  </si>
  <si>
    <t>長岡市</t>
  </si>
  <si>
    <t>阿南市</t>
  </si>
  <si>
    <t>野田村</t>
  </si>
  <si>
    <t>A6</t>
  </si>
  <si>
    <t>上砂川町</t>
  </si>
  <si>
    <t>芳賀町</t>
  </si>
  <si>
    <t>西ノ島町</t>
  </si>
  <si>
    <t>茨城県</t>
  </si>
  <si>
    <t>亘理町</t>
  </si>
  <si>
    <t>天草市</t>
  </si>
  <si>
    <t>別海町</t>
  </si>
  <si>
    <t>山武市</t>
  </si>
  <si>
    <t>北見市</t>
  </si>
  <si>
    <t>栃木県</t>
  </si>
  <si>
    <t>前橋市</t>
  </si>
  <si>
    <t>香南市</t>
  </si>
  <si>
    <t>小清水町</t>
  </si>
  <si>
    <t>鹿角市</t>
  </si>
  <si>
    <t>大樹町</t>
  </si>
  <si>
    <t>夕張市</t>
  </si>
  <si>
    <t>33</t>
  </si>
  <si>
    <t>山鹿市</t>
  </si>
  <si>
    <t>岩見沢市</t>
  </si>
  <si>
    <t>上尾市</t>
  </si>
  <si>
    <t>ふじみ野市</t>
  </si>
  <si>
    <t>27</t>
  </si>
  <si>
    <t>宇土市</t>
  </si>
  <si>
    <t>埼玉県</t>
  </si>
  <si>
    <t>網走市</t>
  </si>
  <si>
    <t>松茂町</t>
  </si>
  <si>
    <t>糸魚川市</t>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35"/>
  </si>
  <si>
    <t>35</t>
  </si>
  <si>
    <t>千葉県</t>
  </si>
  <si>
    <t>下妻市</t>
  </si>
  <si>
    <t>鹿児島市</t>
  </si>
  <si>
    <t>留萌市</t>
  </si>
  <si>
    <t>柏市</t>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35"/>
  </si>
  <si>
    <t>幕別町</t>
  </si>
  <si>
    <t>36</t>
  </si>
  <si>
    <t>仁淀川町</t>
  </si>
  <si>
    <t>大館市</t>
  </si>
  <si>
    <t>神奈川県</t>
  </si>
  <si>
    <t>豊田市</t>
  </si>
  <si>
    <t>大空町</t>
  </si>
  <si>
    <t>稚内市</t>
  </si>
  <si>
    <t>まんのう町</t>
  </si>
  <si>
    <t>美唄市</t>
  </si>
  <si>
    <t>箱根町</t>
  </si>
  <si>
    <t>蓬田村</t>
  </si>
  <si>
    <t>大分県</t>
  </si>
  <si>
    <t>三朝町</t>
  </si>
  <si>
    <t>23</t>
  </si>
  <si>
    <t>74</t>
  </si>
  <si>
    <t>神埼市</t>
  </si>
  <si>
    <t>三次市</t>
  </si>
  <si>
    <t>田上町</t>
  </si>
  <si>
    <t>富山県</t>
  </si>
  <si>
    <t>毛呂山町</t>
  </si>
  <si>
    <t>御殿場市</t>
  </si>
  <si>
    <t>江別市</t>
  </si>
  <si>
    <t>梼原町</t>
  </si>
  <si>
    <t>湯梨浜町</t>
  </si>
  <si>
    <t>すさみ町</t>
  </si>
  <si>
    <t>福井県</t>
  </si>
  <si>
    <t>色麻町</t>
  </si>
  <si>
    <t>赤平市</t>
  </si>
  <si>
    <t>75</t>
  </si>
  <si>
    <t>佐久市</t>
  </si>
  <si>
    <t>名寄市</t>
  </si>
  <si>
    <t>山梨県</t>
  </si>
  <si>
    <t>印西市</t>
  </si>
  <si>
    <t>紋別市</t>
  </si>
  <si>
    <t>芽室町</t>
  </si>
  <si>
    <t>69</t>
  </si>
  <si>
    <t>新潟市</t>
  </si>
  <si>
    <t>苅田町</t>
  </si>
  <si>
    <t>長野県</t>
  </si>
  <si>
    <t>相馬市</t>
  </si>
  <si>
    <t>士別市</t>
  </si>
  <si>
    <t>鎌倉市</t>
  </si>
  <si>
    <t>王滝村</t>
  </si>
  <si>
    <t>高浜町</t>
  </si>
  <si>
    <t>美幌町</t>
  </si>
  <si>
    <t>枝幸町</t>
  </si>
  <si>
    <t>77</t>
  </si>
  <si>
    <t>売木村</t>
  </si>
  <si>
    <t>岐阜県</t>
  </si>
  <si>
    <t>79</t>
  </si>
  <si>
    <t>名取市</t>
  </si>
  <si>
    <t>介護予防短期入所療養介護（介護医療院）</t>
  </si>
  <si>
    <t>三笠市</t>
  </si>
  <si>
    <t>向日市</t>
  </si>
  <si>
    <t>32</t>
  </si>
  <si>
    <r>
      <t>←紫のセル</t>
    </r>
    <r>
      <rPr>
        <b/>
        <sz val="11"/>
        <color rgb="FF9245CB"/>
        <rFont val="ＭＳ Ｐゴシック"/>
      </rPr>
      <t xml:space="preserve">
</t>
    </r>
    <r>
      <rPr>
        <b/>
        <sz val="14"/>
        <color rgb="FF9245CB"/>
        <rFont val="ＭＳ Ｐゴシック"/>
      </rPr>
      <t>１　補助金申請時の事業所及びサービス全ての記載が必要です。
      (基本情報入力シートから転送されます。）</t>
    </r>
    <r>
      <rPr>
        <b/>
        <sz val="14"/>
        <color rgb="FFFF0000"/>
        <rFont val="ＭＳ Ｐゴシック"/>
      </rPr>
      <t xml:space="preserve">
</t>
    </r>
    <r>
      <rPr>
        <b/>
        <u/>
        <sz val="14"/>
        <color rgb="FFFF0000"/>
        <rFont val="ＭＳ Ｐゴシック"/>
      </rPr>
      <t>２　全てのサービスについて、サービスコード別に補助金の入力が必要です。
　　（事業所番号毎に合算はできません。ゼロの場合「０」を記入）</t>
    </r>
    <r>
      <rPr>
        <b/>
        <sz val="14"/>
        <color rgb="FFFF0000"/>
        <rFont val="ＭＳ Ｐゴシック"/>
      </rPr>
      <t xml:space="preserve">
　　サービスごとの補助金の額は、8/22～8/26の間に、国保連合会から伝送電文で
　　各事業所へ通知されています。</t>
    </r>
    <rPh sb="1" eb="2">
      <t>ムラサキ</t>
    </rPh>
    <rPh sb="8" eb="11">
      <t>ホジョキン</t>
    </rPh>
    <rPh sb="11" eb="14">
      <t>シンセイジ</t>
    </rPh>
    <rPh sb="15" eb="18">
      <t>ジギョウショ</t>
    </rPh>
    <rPh sb="18" eb="19">
      <t>オヨ</t>
    </rPh>
    <rPh sb="24" eb="25">
      <t>スベ</t>
    </rPh>
    <rPh sb="27" eb="29">
      <t>キサイ</t>
    </rPh>
    <rPh sb="30" eb="32">
      <t>ヒツヨウ</t>
    </rPh>
    <rPh sb="43" eb="45">
      <t>キホン</t>
    </rPh>
    <rPh sb="45" eb="47">
      <t>ジョウホウ</t>
    </rPh>
    <rPh sb="47" eb="49">
      <t>ニュウリョク</t>
    </rPh>
    <rPh sb="54" eb="56">
      <t>テンソウ</t>
    </rPh>
    <rPh sb="65" eb="66">
      <t>スベ</t>
    </rPh>
    <rPh sb="84" eb="85">
      <t>ベツ</t>
    </rPh>
    <rPh sb="86" eb="88">
      <t>ホジョ</t>
    </rPh>
    <rPh sb="88" eb="89">
      <t>キン</t>
    </rPh>
    <rPh sb="90" eb="92">
      <t>ニュウリョク</t>
    </rPh>
    <rPh sb="93" eb="95">
      <t>ヒツヨウ</t>
    </rPh>
    <rPh sb="102" eb="105">
      <t>ジギョウショ</t>
    </rPh>
    <rPh sb="105" eb="107">
      <t>バンゴウ</t>
    </rPh>
    <rPh sb="107" eb="108">
      <t>ゴト</t>
    </rPh>
    <rPh sb="109" eb="111">
      <t>ガッサン</t>
    </rPh>
    <rPh sb="140" eb="143">
      <t>ホジョキン</t>
    </rPh>
    <rPh sb="144" eb="145">
      <t>ガク</t>
    </rPh>
    <rPh sb="157" eb="158">
      <t>カン</t>
    </rPh>
    <rPh sb="160" eb="162">
      <t>コクホ</t>
    </rPh>
    <rPh sb="162" eb="165">
      <t>レンゴウカイ</t>
    </rPh>
    <rPh sb="167" eb="169">
      <t>デンソウ</t>
    </rPh>
    <rPh sb="169" eb="171">
      <t>デンブン</t>
    </rPh>
    <rPh sb="175" eb="176">
      <t>カク</t>
    </rPh>
    <rPh sb="176" eb="179">
      <t>ジギョウショ</t>
    </rPh>
    <rPh sb="180" eb="182">
      <t>ツウチ</t>
    </rPh>
    <phoneticPr fontId="35"/>
  </si>
  <si>
    <t>中島村</t>
  </si>
  <si>
    <t>奈良県</t>
  </si>
  <si>
    <t>根室市</t>
  </si>
  <si>
    <t>南大隅町</t>
  </si>
  <si>
    <t>38</t>
  </si>
  <si>
    <t>三沢市</t>
  </si>
  <si>
    <t>三重県</t>
  </si>
  <si>
    <t>平内町</t>
  </si>
  <si>
    <t>比布町</t>
  </si>
  <si>
    <t>千歳市</t>
  </si>
  <si>
    <t>上島町</t>
  </si>
  <si>
    <t>豊橋市</t>
  </si>
  <si>
    <t>三鷹市</t>
  </si>
  <si>
    <t>田野畑村</t>
  </si>
  <si>
    <t>37</t>
  </si>
  <si>
    <t>大郷町</t>
  </si>
  <si>
    <t>嬬恋村</t>
  </si>
  <si>
    <t>南部町</t>
  </si>
  <si>
    <t>滋賀県</t>
  </si>
  <si>
    <t>鯖江市</t>
  </si>
  <si>
    <t>砂川市</t>
  </si>
  <si>
    <t>本庄市</t>
  </si>
  <si>
    <t>大間町</t>
  </si>
  <si>
    <t>51</t>
  </si>
  <si>
    <t>幌延町</t>
  </si>
  <si>
    <t>大阪府</t>
  </si>
  <si>
    <t>熊谷市</t>
  </si>
  <si>
    <t>那須塩原市</t>
  </si>
  <si>
    <t>54</t>
  </si>
  <si>
    <t>近江八幡市</t>
  </si>
  <si>
    <t>兵庫県</t>
  </si>
  <si>
    <t>羽後町</t>
  </si>
  <si>
    <t>小平市</t>
  </si>
  <si>
    <t>北大東村</t>
  </si>
  <si>
    <t>上野原市</t>
  </si>
  <si>
    <t>常陸大宮市</t>
  </si>
  <si>
    <t>深川市</t>
  </si>
  <si>
    <t>阿智村</t>
  </si>
  <si>
    <t>雄武町</t>
  </si>
  <si>
    <t>21</t>
  </si>
  <si>
    <t>富良野市</t>
  </si>
  <si>
    <t>三原村</t>
  </si>
  <si>
    <t>24</t>
  </si>
  <si>
    <t>日高市</t>
  </si>
  <si>
    <t>和歌山県</t>
  </si>
  <si>
    <t>登別市</t>
  </si>
  <si>
    <t>上越市</t>
  </si>
  <si>
    <t>52</t>
  </si>
  <si>
    <t>屋久島町</t>
  </si>
  <si>
    <t>鳥取県</t>
  </si>
  <si>
    <t>三戸町</t>
  </si>
  <si>
    <t>島根県</t>
  </si>
  <si>
    <t>曽爾村</t>
  </si>
  <si>
    <t>25</t>
  </si>
  <si>
    <t>小国町</t>
  </si>
  <si>
    <t>香川県</t>
  </si>
  <si>
    <t>岡山県</t>
  </si>
  <si>
    <t>おおい町</t>
  </si>
  <si>
    <t>東松島市</t>
  </si>
  <si>
    <t>北広島市</t>
  </si>
  <si>
    <t>塩竈市</t>
  </si>
  <si>
    <t>北上市</t>
  </si>
  <si>
    <t>26</t>
  </si>
  <si>
    <t>伊根町</t>
  </si>
  <si>
    <t>韮崎市</t>
  </si>
  <si>
    <t>山口県</t>
  </si>
  <si>
    <t>館林市</t>
  </si>
  <si>
    <t>川西町</t>
  </si>
  <si>
    <t>能登町</t>
  </si>
  <si>
    <t>岩手町</t>
  </si>
  <si>
    <t>55</t>
  </si>
  <si>
    <t>沖縄県</t>
  </si>
  <si>
    <t>飛島村</t>
  </si>
  <si>
    <t>七戸町</t>
  </si>
  <si>
    <t>徳島県</t>
  </si>
  <si>
    <t>関川村</t>
  </si>
  <si>
    <t>都城市</t>
  </si>
  <si>
    <t>短期入所療養介護（介護医療院）</t>
  </si>
  <si>
    <t>道志村</t>
  </si>
  <si>
    <t>加茂市</t>
  </si>
  <si>
    <t>2A</t>
  </si>
  <si>
    <t>新篠津村</t>
  </si>
  <si>
    <t>厚真町</t>
  </si>
  <si>
    <t>篠栗町</t>
  </si>
  <si>
    <t>川上村</t>
  </si>
  <si>
    <t>2B</t>
  </si>
  <si>
    <t>西興部村</t>
  </si>
  <si>
    <t>愛媛県</t>
  </si>
  <si>
    <t>大山町</t>
  </si>
  <si>
    <t>寿都町</t>
  </si>
  <si>
    <t>刈羽村</t>
  </si>
  <si>
    <t>むつ市</t>
  </si>
  <si>
    <t>岩内町</t>
  </si>
  <si>
    <t>小川町</t>
  </si>
  <si>
    <t>松前町</t>
  </si>
  <si>
    <t>神恵内村</t>
  </si>
  <si>
    <t>A2</t>
  </si>
  <si>
    <t>西米良村</t>
  </si>
  <si>
    <t>甲佐町</t>
  </si>
  <si>
    <t>高知県</t>
  </si>
  <si>
    <t>桜井市</t>
  </si>
  <si>
    <t>福島町</t>
  </si>
  <si>
    <t>福岡県</t>
  </si>
  <si>
    <t>豊浦町</t>
  </si>
  <si>
    <t>尾花沢市</t>
  </si>
  <si>
    <t>訓子府町</t>
  </si>
  <si>
    <t>佐賀県</t>
  </si>
  <si>
    <t>大垣市</t>
  </si>
  <si>
    <t>喜茂別町</t>
  </si>
  <si>
    <t>東吾妻町</t>
  </si>
  <si>
    <t>世羅町</t>
  </si>
  <si>
    <t>長崎県</t>
  </si>
  <si>
    <t>忠岡町</t>
  </si>
  <si>
    <t>七飯町</t>
  </si>
  <si>
    <t>牧之原市</t>
  </si>
  <si>
    <t>熊本県</t>
  </si>
  <si>
    <t>酒々井町</t>
  </si>
  <si>
    <t>鹿部町</t>
  </si>
  <si>
    <t>森町</t>
  </si>
  <si>
    <t>春日部市</t>
  </si>
  <si>
    <t>南相馬市</t>
  </si>
  <si>
    <t>東北町</t>
  </si>
  <si>
    <t>鹿児島県</t>
  </si>
  <si>
    <t>上ノ国町</t>
  </si>
  <si>
    <t>厚沢部町</t>
  </si>
  <si>
    <t>河内町</t>
  </si>
  <si>
    <t>恩納村</t>
  </si>
  <si>
    <t>男鹿市</t>
  </si>
  <si>
    <t>乙部町</t>
  </si>
  <si>
    <t>沼田市</t>
  </si>
  <si>
    <t>奥尻町</t>
  </si>
  <si>
    <t>今金町</t>
  </si>
  <si>
    <t>岩沼市</t>
  </si>
  <si>
    <t>小美玉市</t>
  </si>
  <si>
    <t>三郷町</t>
  </si>
  <si>
    <t>せたな町</t>
  </si>
  <si>
    <t>士幌町</t>
  </si>
  <si>
    <t>能美市</t>
  </si>
  <si>
    <t>大津町</t>
  </si>
  <si>
    <t>島牧村</t>
  </si>
  <si>
    <t>泉崎村</t>
  </si>
  <si>
    <t>黒松内町</t>
  </si>
  <si>
    <t>蘭越町</t>
  </si>
  <si>
    <t>柏崎市</t>
  </si>
  <si>
    <t>幸手市</t>
  </si>
  <si>
    <t>ニセコ町</t>
  </si>
  <si>
    <t>佐川町</t>
  </si>
  <si>
    <t>留寿都村</t>
  </si>
  <si>
    <t>倶知安町</t>
  </si>
  <si>
    <t>函南町</t>
  </si>
  <si>
    <t>剣淵町</t>
  </si>
  <si>
    <t>泊村</t>
  </si>
  <si>
    <t>積丹町</t>
  </si>
  <si>
    <t>仁木町</t>
  </si>
  <si>
    <t>石川町</t>
  </si>
  <si>
    <t>余市町</t>
  </si>
  <si>
    <t>伊勢市</t>
  </si>
  <si>
    <t>八幡平市</t>
  </si>
  <si>
    <t>赤井川村</t>
  </si>
  <si>
    <t>南幌町</t>
  </si>
  <si>
    <t>東通村</t>
  </si>
  <si>
    <t>奈井江町</t>
  </si>
  <si>
    <t>川島町</t>
  </si>
  <si>
    <t>長沼町</t>
  </si>
  <si>
    <t>遠別町</t>
  </si>
  <si>
    <t>八百津町</t>
  </si>
  <si>
    <t>南箕輪村</t>
  </si>
  <si>
    <t>月形町</t>
  </si>
  <si>
    <t>佐呂間町</t>
  </si>
  <si>
    <t>聖籠町</t>
  </si>
  <si>
    <t>浦臼町</t>
  </si>
  <si>
    <t>東串良町</t>
  </si>
  <si>
    <t>伊予市</t>
  </si>
  <si>
    <t>妹背牛町</t>
  </si>
  <si>
    <t>小田原市</t>
  </si>
  <si>
    <t>大鰐町</t>
  </si>
  <si>
    <t>秩父別町</t>
  </si>
  <si>
    <t>雨竜町</t>
  </si>
  <si>
    <t>東海市</t>
  </si>
  <si>
    <t>北竜町</t>
  </si>
  <si>
    <t>喜界町</t>
  </si>
  <si>
    <t>下條村</t>
  </si>
  <si>
    <t>鷹栖町</t>
  </si>
  <si>
    <t>鶴田町</t>
  </si>
  <si>
    <t>矢掛町</t>
  </si>
  <si>
    <t>吹田市</t>
  </si>
  <si>
    <t>西尾市</t>
  </si>
  <si>
    <t>鉾田市</t>
  </si>
  <si>
    <t>東神楽町</t>
  </si>
  <si>
    <t>当麻町</t>
  </si>
  <si>
    <t>飯南町</t>
  </si>
  <si>
    <t>様似町</t>
  </si>
  <si>
    <t>天塩町</t>
  </si>
  <si>
    <t>美瑛町</t>
  </si>
  <si>
    <t>香美市</t>
  </si>
  <si>
    <t>上富良野町</t>
  </si>
  <si>
    <t>中富良野町</t>
  </si>
  <si>
    <t>住田町</t>
  </si>
  <si>
    <t>南富良野町</t>
  </si>
  <si>
    <t>占冠村</t>
  </si>
  <si>
    <t>美深町</t>
  </si>
  <si>
    <t>甘楽町</t>
  </si>
  <si>
    <t>立川市</t>
  </si>
  <si>
    <t>音威子府村</t>
  </si>
  <si>
    <t>八峰町</t>
  </si>
  <si>
    <t>明石市</t>
  </si>
  <si>
    <t>浜頓別町</t>
  </si>
  <si>
    <t>幌加内町</t>
  </si>
  <si>
    <t>東村山市</t>
  </si>
  <si>
    <t>佐々町</t>
  </si>
  <si>
    <t>増毛町</t>
  </si>
  <si>
    <t>羽幌町</t>
  </si>
  <si>
    <t>豊富町</t>
  </si>
  <si>
    <t>美郷町</t>
  </si>
  <si>
    <t>富加町</t>
  </si>
  <si>
    <t>礼文町</t>
  </si>
  <si>
    <t>甲府市</t>
  </si>
  <si>
    <t>利尻富士町</t>
  </si>
  <si>
    <t>北塩原村</t>
  </si>
  <si>
    <t>釜石市</t>
  </si>
  <si>
    <t>津別町</t>
  </si>
  <si>
    <t>富士見市</t>
  </si>
  <si>
    <t>斜里町</t>
  </si>
  <si>
    <t>蓮田市</t>
  </si>
  <si>
    <t>清里町</t>
  </si>
  <si>
    <t>越谷市</t>
  </si>
  <si>
    <t>遠軽町</t>
  </si>
  <si>
    <t>湧別町</t>
  </si>
  <si>
    <t>王寺町</t>
  </si>
  <si>
    <t>おいらせ町</t>
  </si>
  <si>
    <t>滝上町</t>
  </si>
  <si>
    <t>かすみがうら市</t>
  </si>
  <si>
    <t>大多喜町</t>
  </si>
  <si>
    <t>興部町</t>
  </si>
  <si>
    <t>壮瞥町</t>
  </si>
  <si>
    <t>八郎潟町</t>
  </si>
  <si>
    <t>壱岐市</t>
  </si>
  <si>
    <t>白老町</t>
  </si>
  <si>
    <t>洞爺湖町</t>
  </si>
  <si>
    <t>新発田市</t>
  </si>
  <si>
    <t>町田市</t>
  </si>
  <si>
    <t>むかわ町</t>
  </si>
  <si>
    <t>平取町</t>
  </si>
  <si>
    <t>新冠町</t>
  </si>
  <si>
    <t>燕市</t>
  </si>
  <si>
    <t>豊後大野市</t>
  </si>
  <si>
    <t>浦河町</t>
  </si>
  <si>
    <t>五木村</t>
  </si>
  <si>
    <t>中土佐町</t>
  </si>
  <si>
    <t>えりも町</t>
  </si>
  <si>
    <t>六戸町</t>
  </si>
  <si>
    <t>鹿追町</t>
  </si>
  <si>
    <t>山都町</t>
  </si>
  <si>
    <t>ときがわ町</t>
  </si>
  <si>
    <t>新ひだか町</t>
  </si>
  <si>
    <t>新得町</t>
  </si>
  <si>
    <t>京丹波町</t>
  </si>
  <si>
    <t>茅ヶ崎市</t>
  </si>
  <si>
    <t>伊豆市</t>
  </si>
  <si>
    <t>清水町</t>
  </si>
  <si>
    <t>蟹江町</t>
  </si>
  <si>
    <t>中札内村</t>
  </si>
  <si>
    <t>更別村</t>
  </si>
  <si>
    <t>座間市</t>
  </si>
  <si>
    <t>千葉市</t>
  </si>
  <si>
    <t>京都市</t>
  </si>
  <si>
    <t>吉岡町</t>
  </si>
  <si>
    <t>広尾町</t>
  </si>
  <si>
    <t>豊頃町</t>
  </si>
  <si>
    <t>茂木町</t>
  </si>
  <si>
    <t>浦幌町</t>
  </si>
  <si>
    <t>釧路町</t>
  </si>
  <si>
    <t>厚岸町</t>
  </si>
  <si>
    <t>湯沢市</t>
  </si>
  <si>
    <t>浜中町</t>
  </si>
  <si>
    <t>滝沢市</t>
    <rPh sb="2" eb="3">
      <t>シ</t>
    </rPh>
    <phoneticPr fontId="21"/>
  </si>
  <si>
    <t>標茶町</t>
  </si>
  <si>
    <t>茨城町</t>
  </si>
  <si>
    <t>鶴居村</t>
  </si>
  <si>
    <t>大仙市</t>
  </si>
  <si>
    <t>標津町</t>
  </si>
  <si>
    <t>川越町</t>
  </si>
  <si>
    <t>浪江町</t>
  </si>
  <si>
    <t>神川町</t>
  </si>
  <si>
    <t>色丹村</t>
    <rPh sb="0" eb="3">
      <t>シコタンムラ</t>
    </rPh>
    <phoneticPr fontId="21"/>
  </si>
  <si>
    <t>奥州市</t>
  </si>
  <si>
    <t>留夜別村</t>
  </si>
  <si>
    <t>奈良市</t>
  </si>
  <si>
    <t>遠野市</t>
  </si>
  <si>
    <t>つるぎ町</t>
  </si>
  <si>
    <t>白石市</t>
  </si>
  <si>
    <t>昭和村</t>
  </si>
  <si>
    <t>留別村</t>
  </si>
  <si>
    <t>西東京市</t>
  </si>
  <si>
    <t>伊勢崎市</t>
  </si>
  <si>
    <t>風間浦村</t>
  </si>
  <si>
    <t>二宮町</t>
  </si>
  <si>
    <t>紗那村</t>
  </si>
  <si>
    <t>七宗町</t>
  </si>
  <si>
    <t>蘂取村</t>
  </si>
  <si>
    <t>大東市</t>
  </si>
  <si>
    <t>青森市</t>
  </si>
  <si>
    <t>早島町</t>
  </si>
  <si>
    <t>珠洲市</t>
  </si>
  <si>
    <t>登米市</t>
  </si>
  <si>
    <t>黒石市</t>
  </si>
  <si>
    <t>三川町</t>
  </si>
  <si>
    <t>平川市</t>
  </si>
  <si>
    <t>弘前市</t>
  </si>
  <si>
    <t>八戸市</t>
  </si>
  <si>
    <t>香取市</t>
  </si>
  <si>
    <t>普代村</t>
  </si>
  <si>
    <t>五所川原市</t>
  </si>
  <si>
    <t>新温泉町</t>
  </si>
  <si>
    <t>十和田市</t>
  </si>
  <si>
    <t>つがる市</t>
  </si>
  <si>
    <t>吉富町</t>
  </si>
  <si>
    <t>尼崎市</t>
  </si>
  <si>
    <t>盛岡市</t>
  </si>
  <si>
    <t>南小国町</t>
  </si>
  <si>
    <t>外ヶ浜町</t>
  </si>
  <si>
    <t>千代田町</t>
  </si>
  <si>
    <t>田子町</t>
  </si>
  <si>
    <t>深浦町</t>
  </si>
  <si>
    <t>宮古市</t>
  </si>
  <si>
    <t>浦安市</t>
  </si>
  <si>
    <t>竹田市</t>
  </si>
  <si>
    <t>新郷村</t>
  </si>
  <si>
    <t>北島町</t>
  </si>
  <si>
    <t>我孫子市</t>
  </si>
  <si>
    <t>河津町</t>
  </si>
  <si>
    <t>西目屋村</t>
  </si>
  <si>
    <t>板柳町</t>
  </si>
  <si>
    <t>中泊町</t>
  </si>
  <si>
    <t>上峰町</t>
  </si>
  <si>
    <t>野辺地町</t>
  </si>
  <si>
    <t>横浜町</t>
  </si>
  <si>
    <t>見附市</t>
  </si>
  <si>
    <t>六ヶ所村</t>
  </si>
  <si>
    <t>階上町</t>
  </si>
  <si>
    <t>河北町</t>
  </si>
  <si>
    <t>桑折町</t>
  </si>
  <si>
    <t>大船渡市</t>
  </si>
  <si>
    <t>鳥羽市</t>
  </si>
  <si>
    <t>久慈市</t>
  </si>
  <si>
    <t>上三川町</t>
  </si>
  <si>
    <t>一関市</t>
  </si>
  <si>
    <t>西予市</t>
  </si>
  <si>
    <t>陸前高田市</t>
  </si>
  <si>
    <t>豊中市</t>
  </si>
  <si>
    <t>二戸市</t>
  </si>
  <si>
    <t>大阪狭山市</t>
  </si>
  <si>
    <t>雫石町</t>
  </si>
  <si>
    <t>東秩父村</t>
  </si>
  <si>
    <t>府中町</t>
  </si>
  <si>
    <t>山梨市</t>
  </si>
  <si>
    <t>紫波町</t>
  </si>
  <si>
    <t>矢巾町</t>
  </si>
  <si>
    <t>瑞穂市</t>
  </si>
  <si>
    <t>岡谷市</t>
  </si>
  <si>
    <t>金ケ崎町</t>
  </si>
  <si>
    <r>
      <t>３　補助金を申請した事業所に関する情報（</t>
    </r>
    <r>
      <rPr>
        <b/>
        <u/>
        <sz val="12"/>
        <color rgb="FFFF0000"/>
        <rFont val="ＭＳ Ｐゴシック"/>
      </rPr>
      <t>広島県に提出するべき事業所のみを記載</t>
    </r>
    <r>
      <rPr>
        <b/>
        <sz val="12"/>
        <color theme="1"/>
        <rFont val="ＭＳ Ｐゴシック"/>
      </rPr>
      <t>）</t>
    </r>
    <rPh sb="2" eb="5">
      <t>ホジョキン</t>
    </rPh>
    <rPh sb="6" eb="8">
      <t>シンセイ</t>
    </rPh>
    <rPh sb="10" eb="12">
      <t>ジギョウ</t>
    </rPh>
    <rPh sb="12" eb="13">
      <t>ショ</t>
    </rPh>
    <rPh sb="14" eb="15">
      <t>カン</t>
    </rPh>
    <rPh sb="17" eb="19">
      <t>ジョウホウ</t>
    </rPh>
    <rPh sb="20" eb="23">
      <t>ヒロシマケン</t>
    </rPh>
    <phoneticPr fontId="35"/>
  </si>
  <si>
    <t>那珂川市</t>
    <rPh sb="0" eb="3">
      <t>ナカガワ</t>
    </rPh>
    <rPh sb="3" eb="4">
      <t>シ</t>
    </rPh>
    <phoneticPr fontId="21"/>
  </si>
  <si>
    <t>四條畷市</t>
  </si>
  <si>
    <t>平泉町</t>
  </si>
  <si>
    <t>東成瀬村</t>
  </si>
  <si>
    <t>朝日村</t>
  </si>
  <si>
    <t>大潟村</t>
  </si>
  <si>
    <t>山田町</t>
  </si>
  <si>
    <t>伊江村</t>
  </si>
  <si>
    <t>上勝町</t>
  </si>
  <si>
    <t>岩泉町</t>
  </si>
  <si>
    <t>菰野町</t>
  </si>
  <si>
    <t>一戸町</t>
  </si>
  <si>
    <t>玉城町</t>
  </si>
  <si>
    <t>仙台市</t>
  </si>
  <si>
    <t>御宿町</t>
  </si>
  <si>
    <t>石巻市</t>
  </si>
  <si>
    <t>岬町</t>
  </si>
  <si>
    <t>気仙沼市</t>
  </si>
  <si>
    <t>渋谷区</t>
  </si>
  <si>
    <t>角田市</t>
  </si>
  <si>
    <t>東洋町</t>
  </si>
  <si>
    <t>廿日市市</t>
  </si>
  <si>
    <t>大崎市</t>
  </si>
  <si>
    <t>砥部町</t>
  </si>
  <si>
    <t>多賀城市</t>
  </si>
  <si>
    <t>日立市</t>
  </si>
  <si>
    <t>明和町</t>
  </si>
  <si>
    <t>栗原市</t>
  </si>
  <si>
    <t>湯沢町</t>
  </si>
  <si>
    <t>蔵王町</t>
  </si>
  <si>
    <t>鞍手町</t>
  </si>
  <si>
    <t>七ヶ宿町</t>
  </si>
  <si>
    <t>吉野町</t>
  </si>
  <si>
    <t>大河原町</t>
  </si>
  <si>
    <t>鶴ヶ島市</t>
  </si>
  <si>
    <t>東村</t>
  </si>
  <si>
    <t>柴田町</t>
  </si>
  <si>
    <t>長浜市</t>
  </si>
  <si>
    <t>川崎町</t>
  </si>
  <si>
    <t>飯舘村</t>
  </si>
  <si>
    <t>桐生市</t>
  </si>
  <si>
    <t>丸森町</t>
  </si>
  <si>
    <t>藤沢市</t>
  </si>
  <si>
    <t>松島町</t>
  </si>
  <si>
    <t>南牧村</t>
  </si>
  <si>
    <t>七ヶ浜町</t>
  </si>
  <si>
    <t>昭和町</t>
  </si>
  <si>
    <t>利府町</t>
  </si>
  <si>
    <t>高原町</t>
  </si>
  <si>
    <t>三島市</t>
  </si>
  <si>
    <t>大和町</t>
  </si>
  <si>
    <t>三条市</t>
  </si>
  <si>
    <t>大衡村</t>
  </si>
  <si>
    <t>加美町</t>
  </si>
  <si>
    <t>杵築市</t>
  </si>
  <si>
    <t>美里町</t>
  </si>
  <si>
    <t>女川町</t>
  </si>
  <si>
    <t>いの町</t>
  </si>
  <si>
    <t>南三陸町</t>
  </si>
  <si>
    <t>草加市</t>
  </si>
  <si>
    <t>津南町</t>
  </si>
  <si>
    <t>真室川町</t>
  </si>
  <si>
    <t>四万十市</t>
  </si>
  <si>
    <t>秋田市</t>
  </si>
  <si>
    <t>奥出雲町</t>
  </si>
  <si>
    <t>南魚沼市</t>
  </si>
  <si>
    <t>能代市</t>
  </si>
  <si>
    <t>西脇市</t>
  </si>
  <si>
    <t>河南町</t>
  </si>
  <si>
    <t>由利本荘市</t>
  </si>
  <si>
    <t>瀬戸市</t>
  </si>
  <si>
    <t>潟上市</t>
  </si>
  <si>
    <t>高鍋町</t>
  </si>
  <si>
    <t>北秋田市</t>
  </si>
  <si>
    <t>小坂町</t>
  </si>
  <si>
    <t>阿蘇市</t>
  </si>
  <si>
    <t>藤里町</t>
  </si>
  <si>
    <t>大和高田市</t>
  </si>
  <si>
    <t>三種町</t>
  </si>
  <si>
    <t>五城目町</t>
  </si>
  <si>
    <t>熱海市</t>
  </si>
  <si>
    <t>井川町</t>
  </si>
  <si>
    <r>
      <t>●はじめに本シート（基本情報入力シート）の</t>
    </r>
    <r>
      <rPr>
        <sz val="12"/>
        <color theme="1"/>
        <rFont val="ＭＳ Ｐゴシック"/>
      </rPr>
      <t>黄色セルに入力することで、介護保険事業費補助金（介護人材確保・職場環境改善等事業）（以下「補助金」という。）の対象事業所等に関する基本的な情報が、各様式に自動的に転記されます。</t>
    </r>
    <rPh sb="5" eb="6">
      <t>ホン</t>
    </rPh>
    <rPh sb="10" eb="12">
      <t>キホン</t>
    </rPh>
    <rPh sb="12" eb="14">
      <t>ジョウホウ</t>
    </rPh>
    <rPh sb="14" eb="16">
      <t>ニュウリョク</t>
    </rPh>
    <rPh sb="21" eb="23">
      <t>キイロ</t>
    </rPh>
    <rPh sb="26" eb="28">
      <t>ニュウリョク</t>
    </rPh>
    <rPh sb="76" eb="78">
      <t>タイショウ</t>
    </rPh>
    <rPh sb="78" eb="81">
      <t>ジギョウショ</t>
    </rPh>
    <rPh sb="81" eb="82">
      <t>トウ</t>
    </rPh>
    <rPh sb="83" eb="84">
      <t>カン</t>
    </rPh>
    <rPh sb="86" eb="89">
      <t>キホンテキ</t>
    </rPh>
    <rPh sb="90" eb="92">
      <t>ジョウホウ</t>
    </rPh>
    <rPh sb="94" eb="97">
      <t>カクヨウシキ</t>
    </rPh>
    <rPh sb="98" eb="101">
      <t>ジドウテキ</t>
    </rPh>
    <rPh sb="102" eb="104">
      <t>テンキ</t>
    </rPh>
    <phoneticPr fontId="35"/>
  </si>
  <si>
    <t>天理市</t>
  </si>
  <si>
    <t>山形市</t>
  </si>
  <si>
    <t>新座市</t>
  </si>
  <si>
    <t>米沢市</t>
  </si>
  <si>
    <t>貝塚市</t>
  </si>
  <si>
    <t>旭市</t>
  </si>
  <si>
    <t>北名古屋市</t>
  </si>
  <si>
    <t>鶴岡市</t>
  </si>
  <si>
    <t>東浦町</t>
  </si>
  <si>
    <t>塩尻市</t>
  </si>
  <si>
    <t>新庄市</t>
  </si>
  <si>
    <t>板倉町</t>
  </si>
  <si>
    <t>土佐清水市</t>
  </si>
  <si>
    <t>寒河江市</t>
  </si>
  <si>
    <t>上山市</t>
  </si>
  <si>
    <t>西宮市</t>
  </si>
  <si>
    <t>村山市</t>
  </si>
  <si>
    <t>館山市</t>
  </si>
  <si>
    <t>滑川町</t>
  </si>
  <si>
    <t>東根市</t>
  </si>
  <si>
    <t>山辺町</t>
  </si>
  <si>
    <t>古賀市</t>
  </si>
  <si>
    <t>広陵町</t>
  </si>
  <si>
    <t>西川町</t>
  </si>
  <si>
    <t>糸満市</t>
  </si>
  <si>
    <t>勝山市</t>
  </si>
  <si>
    <t>喜多方市</t>
  </si>
  <si>
    <t>甲賀市</t>
  </si>
  <si>
    <t>大江町</t>
  </si>
  <si>
    <t>大石田町</t>
  </si>
  <si>
    <t>塙町</t>
  </si>
  <si>
    <t>大網白里市</t>
    <rPh sb="4" eb="5">
      <t>シ</t>
    </rPh>
    <phoneticPr fontId="21"/>
  </si>
  <si>
    <t>金山町</t>
  </si>
  <si>
    <t>最上町</t>
  </si>
  <si>
    <t>井原市</t>
  </si>
  <si>
    <t>舟形町</t>
  </si>
  <si>
    <t>大蔵村</t>
  </si>
  <si>
    <t>江戸川区</t>
  </si>
  <si>
    <t>鮭川村</t>
  </si>
  <si>
    <t>海老名市</t>
  </si>
  <si>
    <t>東員町</t>
  </si>
  <si>
    <t>戸沢村</t>
  </si>
  <si>
    <t>国見町</t>
  </si>
  <si>
    <t>川北町</t>
  </si>
  <si>
    <t>高畠町</t>
  </si>
  <si>
    <t>市川市</t>
  </si>
  <si>
    <t>白鷹町</t>
  </si>
  <si>
    <t>田尻町</t>
  </si>
  <si>
    <t>飯豊町</t>
  </si>
  <si>
    <t>庄内町</t>
  </si>
  <si>
    <t>中種子町</t>
  </si>
  <si>
    <t>福島市</t>
  </si>
  <si>
    <t>郡山市</t>
  </si>
  <si>
    <t>美浦村</t>
  </si>
  <si>
    <t>稲敷市</t>
  </si>
  <si>
    <t>出雲崎町</t>
  </si>
  <si>
    <t>雲仙市</t>
  </si>
  <si>
    <t>白河市</t>
  </si>
  <si>
    <t>日進市</t>
  </si>
  <si>
    <t>長野市</t>
  </si>
  <si>
    <t>須賀川市</t>
  </si>
  <si>
    <t>井手町</t>
  </si>
  <si>
    <t>二本松市</t>
  </si>
  <si>
    <t>南国市</t>
  </si>
  <si>
    <t>福知山市</t>
  </si>
  <si>
    <t>利島村</t>
  </si>
  <si>
    <t>田村市</t>
  </si>
  <si>
    <t>川俣町</t>
  </si>
  <si>
    <t>小笠原村</t>
  </si>
  <si>
    <t>江東区</t>
  </si>
  <si>
    <t>大玉村</t>
  </si>
  <si>
    <t>玉村町</t>
  </si>
  <si>
    <t>岩出市</t>
  </si>
  <si>
    <t>鏡石町</t>
  </si>
  <si>
    <t>下郷町</t>
  </si>
  <si>
    <t>檜枝岐村</t>
  </si>
  <si>
    <t>只見町</t>
  </si>
  <si>
    <t>今治市</t>
  </si>
  <si>
    <t>南会津町</t>
  </si>
  <si>
    <t>西会津町</t>
  </si>
  <si>
    <t>磐梯町</t>
  </si>
  <si>
    <t>あさぎり町</t>
  </si>
  <si>
    <t>須坂市</t>
  </si>
  <si>
    <t>猪苗代町</t>
  </si>
  <si>
    <t>湯川村</t>
  </si>
  <si>
    <t>常滑市</t>
  </si>
  <si>
    <t>柳津町</t>
  </si>
  <si>
    <t>三島町</t>
  </si>
  <si>
    <t>棚倉町</t>
  </si>
  <si>
    <t>大崎上島町</t>
  </si>
  <si>
    <t>高崎市</t>
  </si>
  <si>
    <t>矢祭町</t>
  </si>
  <si>
    <t>玉川村</t>
  </si>
  <si>
    <t>田原本町</t>
  </si>
  <si>
    <t>浅川町</t>
  </si>
  <si>
    <t>成田市</t>
  </si>
  <si>
    <t>古殿町</t>
  </si>
  <si>
    <t>小牧市</t>
  </si>
  <si>
    <t>小野町</t>
  </si>
  <si>
    <t>川内村</t>
  </si>
  <si>
    <t>大熊町</t>
  </si>
  <si>
    <t>新地町</t>
  </si>
  <si>
    <t>刈谷市</t>
  </si>
  <si>
    <t>筑西市</t>
  </si>
  <si>
    <t>柏原市</t>
  </si>
  <si>
    <t>水戸市</t>
  </si>
  <si>
    <t>豊前市</t>
  </si>
  <si>
    <t>守山市</t>
  </si>
  <si>
    <t>土浦市</t>
  </si>
  <si>
    <t>石岡市</t>
  </si>
  <si>
    <t>結城市</t>
  </si>
  <si>
    <t>龍ケ崎市</t>
  </si>
  <si>
    <t>常総市</t>
  </si>
  <si>
    <t>与那国町</t>
  </si>
  <si>
    <t>高萩市</t>
  </si>
  <si>
    <t>安中市</t>
  </si>
  <si>
    <t>薩摩川内市</t>
  </si>
  <si>
    <t>水上村</t>
  </si>
  <si>
    <t>白石町</t>
  </si>
  <si>
    <t>北茨城市</t>
  </si>
  <si>
    <t>高岡市</t>
  </si>
  <si>
    <t>笠間市</t>
  </si>
  <si>
    <t>取手市</t>
  </si>
  <si>
    <t>牛久市</t>
  </si>
  <si>
    <t>神流町</t>
  </si>
  <si>
    <t>つくば市</t>
  </si>
  <si>
    <t>和木町</t>
  </si>
  <si>
    <t>名張市</t>
  </si>
  <si>
    <t>鹿嶋市</t>
  </si>
  <si>
    <t>信濃町</t>
  </si>
  <si>
    <t>潮来市</t>
  </si>
  <si>
    <t>敦賀市</t>
  </si>
  <si>
    <t>行方市</t>
  </si>
  <si>
    <t>板野町</t>
  </si>
  <si>
    <t>那珂市</t>
  </si>
  <si>
    <t>亀岡市</t>
  </si>
  <si>
    <t>昭島市</t>
  </si>
  <si>
    <t>東栄町</t>
  </si>
  <si>
    <t>坂東市</t>
  </si>
  <si>
    <t>桜川市</t>
  </si>
  <si>
    <t>伊豆の国市</t>
  </si>
  <si>
    <t>つくばみらい市</t>
  </si>
  <si>
    <t>小松島市</t>
  </si>
  <si>
    <t>大月市</t>
  </si>
  <si>
    <t>大洗町</t>
  </si>
  <si>
    <t>福智町</t>
  </si>
  <si>
    <t>榛東村</t>
  </si>
  <si>
    <t>桶川市</t>
  </si>
  <si>
    <t>城里町</t>
  </si>
  <si>
    <t>大子町</t>
  </si>
  <si>
    <t>宜野湾市</t>
  </si>
  <si>
    <t>阿見町</t>
  </si>
  <si>
    <t>清川村</t>
  </si>
  <si>
    <t>八千代町</t>
  </si>
  <si>
    <t>五霞町</t>
  </si>
  <si>
    <t>境町</t>
  </si>
  <si>
    <t>瑞穂町</t>
  </si>
  <si>
    <t>利根町</t>
  </si>
  <si>
    <t>宇都宮市</t>
  </si>
  <si>
    <t>壬生町</t>
  </si>
  <si>
    <t>鹿沼市</t>
  </si>
  <si>
    <t>寒川町</t>
  </si>
  <si>
    <t>小山市</t>
  </si>
  <si>
    <t>湯浅町</t>
  </si>
  <si>
    <t>交野市</t>
  </si>
  <si>
    <t>大田原市</t>
  </si>
  <si>
    <t>矢板市</t>
  </si>
  <si>
    <t>佐渡市</t>
  </si>
  <si>
    <t>安曇野市</t>
  </si>
  <si>
    <t>那須烏山市</t>
  </si>
  <si>
    <t>益子町</t>
  </si>
  <si>
    <t>市貝町</t>
  </si>
  <si>
    <t>塩谷町</t>
  </si>
  <si>
    <t>杉戸町</t>
  </si>
  <si>
    <t>中野市</t>
  </si>
  <si>
    <t>高根沢町</t>
  </si>
  <si>
    <t>那珂川町</t>
  </si>
  <si>
    <t>三木市</t>
  </si>
  <si>
    <t>太田市</t>
  </si>
  <si>
    <t>松伏町</t>
  </si>
  <si>
    <t>渋川市</t>
  </si>
  <si>
    <t>富岡市</t>
  </si>
  <si>
    <t>志木市</t>
  </si>
  <si>
    <t>みどり市</t>
  </si>
  <si>
    <t>行田市</t>
  </si>
  <si>
    <t>吉備中央町</t>
  </si>
  <si>
    <t>上野村</t>
  </si>
  <si>
    <t>四国中央市</t>
  </si>
  <si>
    <t>宇治田原町</t>
  </si>
  <si>
    <t>熊野市</t>
  </si>
  <si>
    <t>下仁田町</t>
  </si>
  <si>
    <t>加古川市</t>
  </si>
  <si>
    <t>中之条町</t>
  </si>
  <si>
    <t>野田市</t>
  </si>
  <si>
    <t>草津町</t>
  </si>
  <si>
    <t>京丹後市</t>
  </si>
  <si>
    <t>高山村</t>
  </si>
  <si>
    <t>久米南町</t>
  </si>
  <si>
    <t>逗子市</t>
  </si>
  <si>
    <t>上郡町</t>
  </si>
  <si>
    <t>片品村</t>
  </si>
  <si>
    <t>防府市</t>
  </si>
  <si>
    <t>入善町</t>
  </si>
  <si>
    <t>四日市市</t>
  </si>
  <si>
    <t>川場村</t>
  </si>
  <si>
    <t>安芸太田町</t>
  </si>
  <si>
    <t>大泉町</t>
  </si>
  <si>
    <t>鋸南町</t>
  </si>
  <si>
    <t>宇美町</t>
  </si>
  <si>
    <t>邑楽町</t>
  </si>
  <si>
    <t>萩市</t>
  </si>
  <si>
    <t>高砂市</t>
  </si>
  <si>
    <t>さいたま市</t>
  </si>
  <si>
    <t>川越市</t>
  </si>
  <si>
    <t>秩父市</t>
  </si>
  <si>
    <t>所沢市</t>
  </si>
  <si>
    <t>飯能市</t>
  </si>
  <si>
    <t>小鹿野町</t>
  </si>
  <si>
    <r>
      <t>実績報告書（</t>
    </r>
    <r>
      <rPr>
        <b/>
        <sz val="11"/>
        <color theme="1"/>
        <rFont val="ＭＳ Ｐゴシック"/>
      </rPr>
      <t>介護人材確保・職場環境改善等事業）作成用　基本情報入力シート</t>
    </r>
    <rPh sb="0" eb="2">
      <t>ジッセキ</t>
    </rPh>
    <rPh sb="2" eb="5">
      <t>ホウコクショ</t>
    </rPh>
    <rPh sb="20" eb="22">
      <t>ジギョウ</t>
    </rPh>
    <rPh sb="23" eb="26">
      <t>サクセイヨウ</t>
    </rPh>
    <rPh sb="27" eb="29">
      <t>キホン</t>
    </rPh>
    <rPh sb="29" eb="31">
      <t>ジョウホウ</t>
    </rPh>
    <rPh sb="31" eb="33">
      <t>ニュウリョク</t>
    </rPh>
    <phoneticPr fontId="35"/>
  </si>
  <si>
    <t>加須市</t>
  </si>
  <si>
    <t>笠松町</t>
  </si>
  <si>
    <t>羽生市</t>
  </si>
  <si>
    <t>安堵町</t>
  </si>
  <si>
    <t>生坂村</t>
  </si>
  <si>
    <t>鴻巣市</t>
  </si>
  <si>
    <t>深谷市</t>
  </si>
  <si>
    <t>菊川市</t>
  </si>
  <si>
    <t>蕨市</t>
  </si>
  <si>
    <t>戸田市</t>
  </si>
  <si>
    <t>横浜市</t>
  </si>
  <si>
    <t>入間市</t>
  </si>
  <si>
    <t>村上市</t>
  </si>
  <si>
    <t>東大阪市</t>
  </si>
  <si>
    <t>朝霞市</t>
  </si>
  <si>
    <t>和光市</t>
  </si>
  <si>
    <t>加西市</t>
  </si>
  <si>
    <t>久喜市</t>
  </si>
  <si>
    <t>伊那市</t>
  </si>
  <si>
    <t>北本市</t>
  </si>
  <si>
    <t>みよし市</t>
  </si>
  <si>
    <t>八潮市</t>
  </si>
  <si>
    <t>弥彦村</t>
  </si>
  <si>
    <t>三郷市</t>
  </si>
  <si>
    <t>坂戸市</t>
  </si>
  <si>
    <t>筑北村</t>
  </si>
  <si>
    <t>越生町</t>
  </si>
  <si>
    <t>鳩山町</t>
  </si>
  <si>
    <t>小矢部市</t>
  </si>
  <si>
    <t>宝達志水町</t>
  </si>
  <si>
    <t>長瀞町</t>
  </si>
  <si>
    <t>上里町</t>
  </si>
  <si>
    <t>新島村</t>
  </si>
  <si>
    <t>足立区</t>
  </si>
  <si>
    <t>石井町</t>
  </si>
  <si>
    <t>寄居町</t>
  </si>
  <si>
    <t>飛騨市</t>
  </si>
  <si>
    <t>銚子市</t>
  </si>
  <si>
    <t>狛江市</t>
  </si>
  <si>
    <t>吉野川市</t>
  </si>
  <si>
    <t>船橋市</t>
  </si>
  <si>
    <t>木更津市</t>
  </si>
  <si>
    <t>徳之島町</t>
  </si>
  <si>
    <t>茂原市</t>
  </si>
  <si>
    <t>座間味村</t>
  </si>
  <si>
    <t>東金市</t>
  </si>
  <si>
    <t>習志野市</t>
  </si>
  <si>
    <t>勝浦市</t>
  </si>
  <si>
    <t>市原市</t>
  </si>
  <si>
    <t>流山市</t>
  </si>
  <si>
    <t>さつま町</t>
  </si>
  <si>
    <t>八千代市</t>
  </si>
  <si>
    <t>鴨川市</t>
  </si>
  <si>
    <t>鎌ケ谷市</t>
  </si>
  <si>
    <t>美祢市</t>
  </si>
  <si>
    <t>松本市</t>
  </si>
  <si>
    <t>君津市</t>
  </si>
  <si>
    <t>八街市</t>
  </si>
  <si>
    <t>知多市</t>
  </si>
  <si>
    <t>白井市</t>
  </si>
  <si>
    <t>豊丘村</t>
  </si>
  <si>
    <t>富里市</t>
  </si>
  <si>
    <t>南房総市</t>
  </si>
  <si>
    <t>いすみ市</t>
  </si>
  <si>
    <t>新宮市</t>
  </si>
  <si>
    <t>栄町</t>
  </si>
  <si>
    <t>基山町</t>
  </si>
  <si>
    <t>神崎町</t>
  </si>
  <si>
    <t>雲南市</t>
  </si>
  <si>
    <t>多古町</t>
  </si>
  <si>
    <t>九十九里町</t>
  </si>
  <si>
    <t>芝山町</t>
  </si>
  <si>
    <t>横芝光町</t>
  </si>
  <si>
    <t>白子町</t>
  </si>
  <si>
    <t>長柄町</t>
  </si>
  <si>
    <t>千代田区</t>
  </si>
  <si>
    <t>墨田区</t>
  </si>
  <si>
    <t>目黒区</t>
  </si>
  <si>
    <t>宜野座村</t>
  </si>
  <si>
    <t>阿南町</t>
  </si>
  <si>
    <t>大田区</t>
  </si>
  <si>
    <t>世田谷区</t>
  </si>
  <si>
    <t>中野区</t>
  </si>
  <si>
    <t>豊島区</t>
  </si>
  <si>
    <t>荒川区</t>
  </si>
  <si>
    <t>与那原町</t>
  </si>
  <si>
    <t>板橋区</t>
  </si>
  <si>
    <t>練馬区</t>
  </si>
  <si>
    <t>高知市</t>
  </si>
  <si>
    <t>八王子市</t>
  </si>
  <si>
    <t>武蔵野市</t>
  </si>
  <si>
    <t>調布市</t>
  </si>
  <si>
    <t>小金井市</t>
  </si>
  <si>
    <t>勝央町</t>
  </si>
  <si>
    <t>高島市</t>
  </si>
  <si>
    <t>日野市</t>
  </si>
  <si>
    <t>三豊市</t>
  </si>
  <si>
    <t>小海町</t>
  </si>
  <si>
    <t>国分寺市</t>
  </si>
  <si>
    <t>国立市</t>
  </si>
  <si>
    <t>福生市</t>
  </si>
  <si>
    <t>三好市</t>
  </si>
  <si>
    <t>黒部市</t>
  </si>
  <si>
    <t>東大和市</t>
  </si>
  <si>
    <t>東久留米市</t>
  </si>
  <si>
    <t>武蔵村山市</t>
  </si>
  <si>
    <t>福井市</t>
  </si>
  <si>
    <t>多摩市</t>
  </si>
  <si>
    <t>周防大島町</t>
  </si>
  <si>
    <t>平群町</t>
  </si>
  <si>
    <t>稲城市</t>
  </si>
  <si>
    <t>羽村市</t>
  </si>
  <si>
    <t>有田町</t>
  </si>
  <si>
    <t>あきる野市</t>
  </si>
  <si>
    <t>嘉麻市</t>
  </si>
  <si>
    <t>日の出町</t>
  </si>
  <si>
    <t>檜原村</t>
  </si>
  <si>
    <t>奥多摩町</t>
  </si>
  <si>
    <t>津市</t>
  </si>
  <si>
    <t>神津島村</t>
  </si>
  <si>
    <t>野迫川村</t>
  </si>
  <si>
    <t>三宅村</t>
  </si>
  <si>
    <t>伊勢原市</t>
  </si>
  <si>
    <t>八丈町</t>
  </si>
  <si>
    <t>青ヶ島村</t>
  </si>
  <si>
    <t>綾瀬市</t>
  </si>
  <si>
    <t>相模原市</t>
  </si>
  <si>
    <t>富田林市</t>
  </si>
  <si>
    <t>横須賀市</t>
  </si>
  <si>
    <t>川南町</t>
  </si>
  <si>
    <t>木城町</t>
  </si>
  <si>
    <t>平塚市</t>
  </si>
  <si>
    <t>山江村</t>
  </si>
  <si>
    <t>三浦市</t>
  </si>
  <si>
    <t>厚木市</t>
  </si>
  <si>
    <t>大和市</t>
  </si>
  <si>
    <t>大鹿村</t>
  </si>
  <si>
    <t>南足柄市</t>
  </si>
  <si>
    <t>大磯町</t>
  </si>
  <si>
    <t>中井町</t>
  </si>
  <si>
    <t>大井町</t>
  </si>
  <si>
    <t>山北町</t>
  </si>
  <si>
    <t>開成町</t>
  </si>
  <si>
    <t>真鶴町</t>
  </si>
  <si>
    <t>本部町</t>
  </si>
  <si>
    <t>出水市</t>
  </si>
  <si>
    <t>湯河原町</t>
  </si>
  <si>
    <t>妙高市</t>
  </si>
  <si>
    <t>愛川町</t>
  </si>
  <si>
    <t>小千谷市</t>
  </si>
  <si>
    <t>五泉市</t>
  </si>
  <si>
    <t>加賀市</t>
  </si>
  <si>
    <t>魚沼市</t>
  </si>
  <si>
    <t>胎内市</t>
  </si>
  <si>
    <t>富山市</t>
  </si>
  <si>
    <t>小松市</t>
  </si>
  <si>
    <t>南砺市</t>
  </si>
  <si>
    <t>光市</t>
  </si>
  <si>
    <t>射水市</t>
  </si>
  <si>
    <t>土佐市</t>
  </si>
  <si>
    <t>上市町</t>
  </si>
  <si>
    <t>越前市</t>
  </si>
  <si>
    <t>金沢市</t>
  </si>
  <si>
    <t>七尾市</t>
  </si>
  <si>
    <t>垂井町</t>
  </si>
  <si>
    <t>羽咋市</t>
  </si>
  <si>
    <t>かほく市</t>
  </si>
  <si>
    <t>高浜市</t>
  </si>
  <si>
    <t>白山市</t>
  </si>
  <si>
    <t>津幡町</t>
  </si>
  <si>
    <t>太宰府市</t>
  </si>
  <si>
    <t>市川三郷町</t>
  </si>
  <si>
    <t>大野市</t>
  </si>
  <si>
    <t>内灘町</t>
  </si>
  <si>
    <t>中能登町</t>
  </si>
  <si>
    <t>山中湖村</t>
  </si>
  <si>
    <t>穴水町</t>
  </si>
  <si>
    <t>小浜市</t>
  </si>
  <si>
    <t>あわら市</t>
  </si>
  <si>
    <t>坂井市</t>
  </si>
  <si>
    <t>南九州市</t>
  </si>
  <si>
    <t>永平寺町</t>
  </si>
  <si>
    <t>南越前町</t>
  </si>
  <si>
    <t>美浜町</t>
  </si>
  <si>
    <t>若狭町</t>
  </si>
  <si>
    <t>都留市</t>
  </si>
  <si>
    <t>南アルプス市</t>
  </si>
  <si>
    <t>三原市</t>
  </si>
  <si>
    <t>北杜市</t>
  </si>
  <si>
    <t>甲斐市</t>
  </si>
  <si>
    <t>東郷町</t>
  </si>
  <si>
    <t>笛吹市</t>
  </si>
  <si>
    <t>早川町</t>
  </si>
  <si>
    <t>福岡県</t>
    <rPh sb="0" eb="3">
      <t>フクオカケン</t>
    </rPh>
    <phoneticPr fontId="21"/>
  </si>
  <si>
    <t>南丹市</t>
  </si>
  <si>
    <t>富士川町</t>
  </si>
  <si>
    <t>西桂町</t>
  </si>
  <si>
    <t>忍野村</t>
  </si>
  <si>
    <t>遠賀町</t>
  </si>
  <si>
    <t>木曽町</t>
  </si>
  <si>
    <t>鳴沢村</t>
  </si>
  <si>
    <t>富士河口湖町</t>
  </si>
  <si>
    <t>小菅村</t>
  </si>
  <si>
    <t>丹波山村</t>
  </si>
  <si>
    <t>諏訪市</t>
  </si>
  <si>
    <t>日向市</t>
  </si>
  <si>
    <t>小竹町</t>
  </si>
  <si>
    <t>佐久穂町</t>
  </si>
  <si>
    <t>駒ヶ根市</t>
  </si>
  <si>
    <t>柳井市</t>
  </si>
  <si>
    <t>飯山市</t>
  </si>
  <si>
    <t>茅野市</t>
  </si>
  <si>
    <t>千曲市</t>
  </si>
  <si>
    <t>洲本市</t>
  </si>
  <si>
    <t>南相木村</t>
  </si>
  <si>
    <t>北相木村</t>
  </si>
  <si>
    <t>軽井沢町</t>
  </si>
  <si>
    <t>安芸市</t>
  </si>
  <si>
    <t>御代田町</t>
  </si>
  <si>
    <t>立科町</t>
  </si>
  <si>
    <t>青木村</t>
  </si>
  <si>
    <t>長和町</t>
  </si>
  <si>
    <t>沼津市</t>
  </si>
  <si>
    <t>下諏訪町</t>
  </si>
  <si>
    <t>富士見町</t>
  </si>
  <si>
    <t>栗東市</t>
  </si>
  <si>
    <t>原村</t>
  </si>
  <si>
    <t>印南町</t>
  </si>
  <si>
    <t>南知多町</t>
  </si>
  <si>
    <t>辰野町</t>
  </si>
  <si>
    <t>大川村</t>
  </si>
  <si>
    <t>猪名川町</t>
  </si>
  <si>
    <t>箕輪町</t>
  </si>
  <si>
    <t>武雄市</t>
  </si>
  <si>
    <t>飯島町</t>
  </si>
  <si>
    <t>吉田町</t>
  </si>
  <si>
    <t>中川村</t>
  </si>
  <si>
    <t>宮田村</t>
  </si>
  <si>
    <t>松川町</t>
  </si>
  <si>
    <t>高森町</t>
  </si>
  <si>
    <t>赤磐市</t>
  </si>
  <si>
    <t>芦屋市</t>
  </si>
  <si>
    <t>平谷村</t>
  </si>
  <si>
    <t>天龍村</t>
  </si>
  <si>
    <t>喬木村</t>
  </si>
  <si>
    <t>上松町</t>
  </si>
  <si>
    <t>与論町</t>
  </si>
  <si>
    <t>麻績村</t>
  </si>
  <si>
    <t>山形村</t>
  </si>
  <si>
    <t>松川村</t>
  </si>
  <si>
    <t>白馬村</t>
  </si>
  <si>
    <t>小谷村</t>
  </si>
  <si>
    <t>坂城町</t>
  </si>
  <si>
    <t>岡崎市</t>
  </si>
  <si>
    <t>山ノ内町</t>
  </si>
  <si>
    <t>豊明市</t>
  </si>
  <si>
    <t>木島平村</t>
  </si>
  <si>
    <t>串間市</t>
  </si>
  <si>
    <t>野沢温泉村</t>
  </si>
  <si>
    <t>小川村</t>
  </si>
  <si>
    <t>栄村</t>
  </si>
  <si>
    <t>岐阜市</t>
  </si>
  <si>
    <t>春日井市</t>
  </si>
  <si>
    <t>高山市</t>
  </si>
  <si>
    <t>多治見市</t>
  </si>
  <si>
    <t>関市</t>
  </si>
  <si>
    <t>中津川市</t>
  </si>
  <si>
    <t>能勢町</t>
  </si>
  <si>
    <t>美濃市</t>
  </si>
  <si>
    <t>羽島市</t>
  </si>
  <si>
    <t>吉野ヶ里町</t>
  </si>
  <si>
    <t>恵那市</t>
  </si>
  <si>
    <t>度会町</t>
  </si>
  <si>
    <t>美濃加茂市</t>
  </si>
  <si>
    <t>土岐市</t>
  </si>
  <si>
    <t>久山町</t>
  </si>
  <si>
    <t>各務原市</t>
  </si>
  <si>
    <t>可児市</t>
  </si>
  <si>
    <t>山県市</t>
  </si>
  <si>
    <t>岐南町</t>
  </si>
  <si>
    <t>本巣市</t>
  </si>
  <si>
    <t>長島町</t>
  </si>
  <si>
    <t>大川市</t>
  </si>
  <si>
    <t>大和郡山市</t>
  </si>
  <si>
    <t>郡上市</t>
  </si>
  <si>
    <t>福岡市</t>
  </si>
  <si>
    <t>下呂市</t>
  </si>
  <si>
    <t>関ケ原町</t>
  </si>
  <si>
    <t>神戸町</t>
  </si>
  <si>
    <t>輪之内町</t>
  </si>
  <si>
    <t>揖斐川町</t>
  </si>
  <si>
    <t>和泉市</t>
  </si>
  <si>
    <t>大野町</t>
  </si>
  <si>
    <t>北方町</t>
  </si>
  <si>
    <t>坂祝町</t>
  </si>
  <si>
    <t>川辺町</t>
  </si>
  <si>
    <t>白川町</t>
  </si>
  <si>
    <t>東白川村</t>
  </si>
  <si>
    <t>御嵩町</t>
  </si>
  <si>
    <t>静岡市</t>
  </si>
  <si>
    <t>浜松市</t>
  </si>
  <si>
    <t>海南市</t>
  </si>
  <si>
    <t>伊東市</t>
  </si>
  <si>
    <t>竜王町</t>
  </si>
  <si>
    <t>島田市</t>
  </si>
  <si>
    <t>磐田市</t>
  </si>
  <si>
    <t>焼津市</t>
  </si>
  <si>
    <t>掛川市</t>
  </si>
  <si>
    <t>藤枝市</t>
  </si>
  <si>
    <t>袋井市</t>
  </si>
  <si>
    <t>下田市</t>
  </si>
  <si>
    <t>藤井寺市</t>
  </si>
  <si>
    <t>裾野市</t>
  </si>
  <si>
    <t>名護市</t>
  </si>
  <si>
    <t>御前崎市</t>
  </si>
  <si>
    <t>東伊豆町</t>
  </si>
  <si>
    <t>松崎町</t>
  </si>
  <si>
    <t>西伊豆町</t>
  </si>
  <si>
    <t>小山町</t>
  </si>
  <si>
    <t>川根本町</t>
  </si>
  <si>
    <t>豊川市</t>
  </si>
  <si>
    <t>津島市</t>
  </si>
  <si>
    <t>渡嘉敷村</t>
  </si>
  <si>
    <t>かつらぎ町</t>
  </si>
  <si>
    <t>碧南市</t>
  </si>
  <si>
    <t>安城市</t>
  </si>
  <si>
    <t>蒲郡市</t>
  </si>
  <si>
    <t>犬山市</t>
  </si>
  <si>
    <t>宿毛市</t>
  </si>
  <si>
    <t>田布施町</t>
  </si>
  <si>
    <t>江南市</t>
  </si>
  <si>
    <t>大治町</t>
  </si>
  <si>
    <t>稲沢市</t>
  </si>
  <si>
    <t>新城市</t>
  </si>
  <si>
    <t>知立市</t>
  </si>
  <si>
    <t>岩倉市</t>
  </si>
  <si>
    <t>田原市</t>
  </si>
  <si>
    <t>愛西市</t>
  </si>
  <si>
    <t>佐用町</t>
  </si>
  <si>
    <t>清須市</t>
  </si>
  <si>
    <t>長久手市</t>
  </si>
  <si>
    <t>豊山町</t>
  </si>
  <si>
    <t>大口町</t>
  </si>
  <si>
    <t>扶桑町</t>
  </si>
  <si>
    <t>阿久比町</t>
  </si>
  <si>
    <t>武豊町</t>
  </si>
  <si>
    <t>設楽町</t>
  </si>
  <si>
    <t>豊根村</t>
  </si>
  <si>
    <t>松阪市</t>
  </si>
  <si>
    <t>桑名市</t>
  </si>
  <si>
    <t>鈴鹿市</t>
  </si>
  <si>
    <t>尾鷲市</t>
  </si>
  <si>
    <t>亀山市</t>
  </si>
  <si>
    <t>いなべ市</t>
  </si>
  <si>
    <t>伊賀市</t>
  </si>
  <si>
    <t>木曽岬町</t>
  </si>
  <si>
    <t>多気町</t>
  </si>
  <si>
    <t>大竹市</t>
  </si>
  <si>
    <t>大台町</t>
  </si>
  <si>
    <t>大紀町</t>
  </si>
  <si>
    <t>南伊勢町</t>
  </si>
  <si>
    <t>紀北町</t>
  </si>
  <si>
    <t>紀宝町</t>
  </si>
  <si>
    <t>球磨村</t>
  </si>
  <si>
    <t>大津市</t>
  </si>
  <si>
    <t>彦根市</t>
  </si>
  <si>
    <t>野洲市</t>
  </si>
  <si>
    <t>土佐町</t>
  </si>
  <si>
    <t>室戸市</t>
  </si>
  <si>
    <t>湖南市</t>
  </si>
  <si>
    <t>東近江市</t>
  </si>
  <si>
    <t>南関町</t>
  </si>
  <si>
    <t>米原市</t>
  </si>
  <si>
    <t>日野町</t>
  </si>
  <si>
    <t>豊郷町</t>
  </si>
  <si>
    <t>愛荘町</t>
  </si>
  <si>
    <t>甲良町</t>
  </si>
  <si>
    <t>多賀町</t>
  </si>
  <si>
    <t>舞鶴市</t>
  </si>
  <si>
    <t>綾部市</t>
  </si>
  <si>
    <t>宇治市</t>
  </si>
  <si>
    <t>宮津市</t>
  </si>
  <si>
    <t>城陽市</t>
  </si>
  <si>
    <t>長岡京市</t>
  </si>
  <si>
    <t>福崎町</t>
  </si>
  <si>
    <t>京田辺市</t>
  </si>
  <si>
    <t>木津川市</t>
  </si>
  <si>
    <t>大山崎町</t>
  </si>
  <si>
    <t>久御山町</t>
  </si>
  <si>
    <t>笠置町</t>
  </si>
  <si>
    <t>和束町</t>
  </si>
  <si>
    <t>精華町</t>
  </si>
  <si>
    <t>南山城村</t>
  </si>
  <si>
    <t>与謝野町</t>
  </si>
  <si>
    <t>岸和田市</t>
  </si>
  <si>
    <t>池田市</t>
  </si>
  <si>
    <t>古座川町</t>
  </si>
  <si>
    <t>高槻市</t>
  </si>
  <si>
    <t>守口市</t>
  </si>
  <si>
    <t>枚方市</t>
  </si>
  <si>
    <t>茨木市</t>
  </si>
  <si>
    <t>八尾市</t>
  </si>
  <si>
    <t>志免町</t>
  </si>
  <si>
    <t>泉佐野市</t>
  </si>
  <si>
    <t>寝屋川市</t>
  </si>
  <si>
    <t>粟国村</t>
  </si>
  <si>
    <t>松原市</t>
  </si>
  <si>
    <t>箕面市</t>
  </si>
  <si>
    <t>羽曳野市</t>
  </si>
  <si>
    <t>門真市</t>
  </si>
  <si>
    <t>高石市</t>
  </si>
  <si>
    <t>枕崎市</t>
  </si>
  <si>
    <t>泉南市</t>
  </si>
  <si>
    <t>阪南市</t>
  </si>
  <si>
    <t>橋本市</t>
  </si>
  <si>
    <t>島本町</t>
  </si>
  <si>
    <t>竹富町</t>
  </si>
  <si>
    <t>豊能町</t>
  </si>
  <si>
    <t>浜田市</t>
  </si>
  <si>
    <t>琴浦町</t>
  </si>
  <si>
    <t>熊取町</t>
  </si>
  <si>
    <t>千早赤阪村</t>
  </si>
  <si>
    <t>南城市</t>
  </si>
  <si>
    <t>神戸市</t>
  </si>
  <si>
    <t>伊丹市</t>
  </si>
  <si>
    <t>相生市</t>
  </si>
  <si>
    <t>江津市</t>
  </si>
  <si>
    <t>赤穂市</t>
  </si>
  <si>
    <t>宝塚市</t>
  </si>
  <si>
    <t>川西市</t>
  </si>
  <si>
    <t>香芝市</t>
  </si>
  <si>
    <t>小野市</t>
  </si>
  <si>
    <t>三田市</t>
  </si>
  <si>
    <t>丹波篠山市</t>
  </si>
  <si>
    <t>倉敷市</t>
  </si>
  <si>
    <t>養父市</t>
  </si>
  <si>
    <t>丹波市</t>
  </si>
  <si>
    <t>南あわじ市</t>
  </si>
  <si>
    <t>淡路市</t>
  </si>
  <si>
    <t>宍粟市</t>
  </si>
  <si>
    <t>新富町</t>
  </si>
  <si>
    <t>加東市</t>
  </si>
  <si>
    <t>多良間村</t>
  </si>
  <si>
    <t>たつの市</t>
  </si>
  <si>
    <t>多可町</t>
  </si>
  <si>
    <t>播磨町</t>
  </si>
  <si>
    <t>市川町</t>
  </si>
  <si>
    <t>香美町</t>
  </si>
  <si>
    <t>橿原市</t>
  </si>
  <si>
    <t>福津市</t>
  </si>
  <si>
    <t>生駒市</t>
  </si>
  <si>
    <t>葛城市</t>
  </si>
  <si>
    <t>宇陀市</t>
  </si>
  <si>
    <t>山添村</t>
  </si>
  <si>
    <t>三宅町</t>
  </si>
  <si>
    <t>御杖村</t>
  </si>
  <si>
    <t>高取町</t>
  </si>
  <si>
    <t>長洲町</t>
  </si>
  <si>
    <t>明日香村</t>
  </si>
  <si>
    <t>河合町</t>
  </si>
  <si>
    <t>中城村</t>
  </si>
  <si>
    <t>大淀町</t>
  </si>
  <si>
    <t>佐賀市</t>
  </si>
  <si>
    <t>下市町</t>
  </si>
  <si>
    <t>黒滝村</t>
  </si>
  <si>
    <t>天川村</t>
  </si>
  <si>
    <t>下関市</t>
  </si>
  <si>
    <t>十津川村</t>
  </si>
  <si>
    <t>上北山村</t>
  </si>
  <si>
    <t>東吉野村</t>
  </si>
  <si>
    <t>和歌山市</t>
  </si>
  <si>
    <t>有田市</t>
  </si>
  <si>
    <t>御坊市</t>
  </si>
  <si>
    <t>田辺市</t>
  </si>
  <si>
    <t>紀美野町</t>
  </si>
  <si>
    <t>九度山町</t>
  </si>
  <si>
    <t>高野町</t>
  </si>
  <si>
    <t>広川町</t>
  </si>
  <si>
    <t>有田川町</t>
  </si>
  <si>
    <t>みなべ町</t>
  </si>
  <si>
    <t>日高川町</t>
  </si>
  <si>
    <t>白浜町</t>
  </si>
  <si>
    <t>上富田町</t>
  </si>
  <si>
    <t>太地町</t>
  </si>
  <si>
    <t>北山村</t>
  </si>
  <si>
    <t>奄美市</t>
  </si>
  <si>
    <t>串本町</t>
  </si>
  <si>
    <t>天城町</t>
  </si>
  <si>
    <t>八女市</t>
  </si>
  <si>
    <t>鳥取市</t>
  </si>
  <si>
    <t>米子市</t>
  </si>
  <si>
    <t>諫早市</t>
  </si>
  <si>
    <t>倉吉市</t>
  </si>
  <si>
    <t>南阿蘇村</t>
  </si>
  <si>
    <t>境港市</t>
  </si>
  <si>
    <t>岩美町</t>
  </si>
  <si>
    <t>若桜町</t>
  </si>
  <si>
    <t>智頭町</t>
  </si>
  <si>
    <t>八頭町</t>
  </si>
  <si>
    <t>北栄町</t>
  </si>
  <si>
    <t>日吉津村</t>
  </si>
  <si>
    <t>伯耆町</t>
  </si>
  <si>
    <t>笠岡市</t>
  </si>
  <si>
    <t>日南町</t>
  </si>
  <si>
    <t>江府町</t>
  </si>
  <si>
    <t>松江市</t>
  </si>
  <si>
    <t>綾町</t>
  </si>
  <si>
    <t>出雲市</t>
  </si>
  <si>
    <t>益田市</t>
  </si>
  <si>
    <t>安来市</t>
  </si>
  <si>
    <t>川本町</t>
  </si>
  <si>
    <t>邑南町</t>
  </si>
  <si>
    <t>益城町</t>
  </si>
  <si>
    <t>吉賀町</t>
  </si>
  <si>
    <t>本山町</t>
  </si>
  <si>
    <t>海士町</t>
  </si>
  <si>
    <t>知夫村</t>
  </si>
  <si>
    <t>隠岐の島町</t>
  </si>
  <si>
    <t>錦町</t>
  </si>
  <si>
    <t>津山市</t>
  </si>
  <si>
    <t>玉野市</t>
  </si>
  <si>
    <t>総社市</t>
  </si>
  <si>
    <t>水巻町</t>
  </si>
  <si>
    <t>北川村</t>
  </si>
  <si>
    <t>高梁市</t>
  </si>
  <si>
    <t>東かがわ市</t>
  </si>
  <si>
    <t>新見市</t>
  </si>
  <si>
    <t>瀬戸内市</t>
  </si>
  <si>
    <t>真庭市</t>
  </si>
  <si>
    <t>美作市</t>
  </si>
  <si>
    <t>和気町</t>
  </si>
  <si>
    <t>里庄町</t>
  </si>
  <si>
    <t>新庄村</t>
  </si>
  <si>
    <t>鏡野町</t>
  </si>
  <si>
    <t>奈義町</t>
  </si>
  <si>
    <t>西粟倉村</t>
  </si>
  <si>
    <t>多度津町</t>
  </si>
  <si>
    <t>美咲町</t>
  </si>
  <si>
    <t>宮若市</t>
  </si>
  <si>
    <t>広島市</t>
  </si>
  <si>
    <t>桂川町</t>
  </si>
  <si>
    <t>山陽小野田市</t>
  </si>
  <si>
    <t>呉市</t>
  </si>
  <si>
    <t>竹原市</t>
  </si>
  <si>
    <t>庄原市</t>
  </si>
  <si>
    <t>東広島市</t>
  </si>
  <si>
    <t>江田島市</t>
  </si>
  <si>
    <t>熊野町</t>
  </si>
  <si>
    <t>長与町</t>
  </si>
  <si>
    <t>坂町</t>
  </si>
  <si>
    <t>北広島町</t>
  </si>
  <si>
    <t>神石高原町</t>
  </si>
  <si>
    <t>宇部市</t>
  </si>
  <si>
    <t>山口市</t>
  </si>
  <si>
    <t>大宜味村</t>
  </si>
  <si>
    <t>下松市</t>
  </si>
  <si>
    <t>岩国市</t>
  </si>
  <si>
    <t>柳川市</t>
  </si>
  <si>
    <t>周南市</t>
  </si>
  <si>
    <t>上関町</t>
  </si>
  <si>
    <t>平生町</t>
  </si>
  <si>
    <t>阿波市</t>
  </si>
  <si>
    <t>美馬市</t>
  </si>
  <si>
    <t>佐那河内村</t>
  </si>
  <si>
    <t>神山町</t>
  </si>
  <si>
    <t>那賀町</t>
  </si>
  <si>
    <t>牟岐町</t>
  </si>
  <si>
    <t>海陽町</t>
  </si>
  <si>
    <t>藍住町</t>
  </si>
  <si>
    <t>上板町</t>
  </si>
  <si>
    <t>肝付町</t>
  </si>
  <si>
    <t>高松市</t>
  </si>
  <si>
    <t>丸亀市</t>
  </si>
  <si>
    <t>坂出市</t>
  </si>
  <si>
    <t>国富町</t>
  </si>
  <si>
    <t>善通寺市</t>
  </si>
  <si>
    <t>観音寺市</t>
  </si>
  <si>
    <t>さぬき市</t>
  </si>
  <si>
    <t>三木町</t>
  </si>
  <si>
    <t>南島原市</t>
  </si>
  <si>
    <t>直島町</t>
  </si>
  <si>
    <t>宇多津町</t>
  </si>
  <si>
    <t>綾川町</t>
  </si>
  <si>
    <t>琴平町</t>
  </si>
  <si>
    <t>松山市</t>
  </si>
  <si>
    <t>宇和島市</t>
  </si>
  <si>
    <t>八幡浜市</t>
  </si>
  <si>
    <t>延岡市</t>
  </si>
  <si>
    <t>西条市</t>
  </si>
  <si>
    <t>大洲市</t>
  </si>
  <si>
    <t>久万高原町</t>
  </si>
  <si>
    <t>内子町</t>
  </si>
  <si>
    <t>上天草市</t>
  </si>
  <si>
    <t>伊方町</t>
  </si>
  <si>
    <t>松野町</t>
  </si>
  <si>
    <t>津久見市</t>
  </si>
  <si>
    <t>鬼北町</t>
  </si>
  <si>
    <t>愛南町</t>
  </si>
  <si>
    <t>奈半利町</t>
  </si>
  <si>
    <t>田野町</t>
  </si>
  <si>
    <t>安田町</t>
  </si>
  <si>
    <t>馬路村</t>
  </si>
  <si>
    <t>芸西村</t>
  </si>
  <si>
    <t>大豊町</t>
  </si>
  <si>
    <t>越知町</t>
  </si>
  <si>
    <t>日高村</t>
  </si>
  <si>
    <t>津野町</t>
  </si>
  <si>
    <t>四万十町</t>
  </si>
  <si>
    <t>大月町</t>
  </si>
  <si>
    <t>黒潮町</t>
  </si>
  <si>
    <t>北九州市</t>
  </si>
  <si>
    <t>大牟田市</t>
  </si>
  <si>
    <t>直方市</t>
  </si>
  <si>
    <t>飯塚市</t>
  </si>
  <si>
    <t>田川市</t>
  </si>
  <si>
    <t>筑後市</t>
  </si>
  <si>
    <t>行橋市</t>
  </si>
  <si>
    <t>中間市</t>
  </si>
  <si>
    <t>小郡市</t>
  </si>
  <si>
    <t>春日市</t>
  </si>
  <si>
    <t>大野城市</t>
  </si>
  <si>
    <t>宗像市</t>
  </si>
  <si>
    <t>うきは市</t>
  </si>
  <si>
    <t>朝倉市</t>
  </si>
  <si>
    <t>みやま市</t>
  </si>
  <si>
    <t>糸島市</t>
  </si>
  <si>
    <t>須恵町</t>
  </si>
  <si>
    <t>新宮町</t>
  </si>
  <si>
    <t>芦屋町</t>
  </si>
  <si>
    <t>岡垣町</t>
  </si>
  <si>
    <t>筑前町</t>
  </si>
  <si>
    <t>東峰村</t>
  </si>
  <si>
    <t>大刀洗町</t>
  </si>
  <si>
    <t>大木町</t>
  </si>
  <si>
    <t>香春町</t>
  </si>
  <si>
    <t>糸田町</t>
  </si>
  <si>
    <t>大任町</t>
  </si>
  <si>
    <t>那覇市</t>
  </si>
  <si>
    <t>赤村</t>
  </si>
  <si>
    <t>みやこ町</t>
  </si>
  <si>
    <t>門川町</t>
  </si>
  <si>
    <t>上毛町</t>
  </si>
  <si>
    <t>人吉市</t>
  </si>
  <si>
    <t>築上町</t>
  </si>
  <si>
    <t>唐津市</t>
  </si>
  <si>
    <t>鳥栖市</t>
  </si>
  <si>
    <t>多久市</t>
  </si>
  <si>
    <t>伊万里市</t>
  </si>
  <si>
    <t>鹿島市</t>
  </si>
  <si>
    <t>小城市</t>
  </si>
  <si>
    <t>嬉野市</t>
  </si>
  <si>
    <t>和水町</t>
  </si>
  <si>
    <t>玄海町</t>
  </si>
  <si>
    <t>江北町</t>
  </si>
  <si>
    <t>大村市</t>
  </si>
  <si>
    <t>松浦市</t>
  </si>
  <si>
    <t>対馬市</t>
  </si>
  <si>
    <t>時津町</t>
  </si>
  <si>
    <t>東彼杵町</t>
  </si>
  <si>
    <t>川棚町</t>
  </si>
  <si>
    <t>波佐見町</t>
  </si>
  <si>
    <t>豊見城市</t>
  </si>
  <si>
    <t>小値賀町</t>
  </si>
  <si>
    <t>熊本市</t>
  </si>
  <si>
    <t>荒尾市</t>
  </si>
  <si>
    <t>水俣市</t>
  </si>
  <si>
    <t>玉名市</t>
  </si>
  <si>
    <t>菊池市</t>
  </si>
  <si>
    <t>宇城市</t>
  </si>
  <si>
    <t>合志市</t>
  </si>
  <si>
    <t>玉東町</t>
  </si>
  <si>
    <t>菊陽町</t>
  </si>
  <si>
    <t>産山村</t>
  </si>
  <si>
    <t>西原村</t>
  </si>
  <si>
    <t>御船町</t>
  </si>
  <si>
    <t>芦北町</t>
  </si>
  <si>
    <t>津奈木町</t>
  </si>
  <si>
    <t>多良木町</t>
  </si>
  <si>
    <t>湯前町</t>
  </si>
  <si>
    <t>嘉手納町</t>
  </si>
  <si>
    <t>相良村</t>
  </si>
  <si>
    <t>苓北町</t>
  </si>
  <si>
    <t>別府市</t>
  </si>
  <si>
    <t>中津市</t>
  </si>
  <si>
    <t>日田市</t>
  </si>
  <si>
    <t>国頭村</t>
  </si>
  <si>
    <t>臼杵市</t>
  </si>
  <si>
    <t>豊後高田市</t>
  </si>
  <si>
    <t>宇佐市</t>
  </si>
  <si>
    <t>由布市</t>
  </si>
  <si>
    <t>国東市</t>
  </si>
  <si>
    <t>姫島村</t>
  </si>
  <si>
    <t>日出町</t>
  </si>
  <si>
    <t>九重町</t>
  </si>
  <si>
    <t>日南市</t>
  </si>
  <si>
    <t>小林市</t>
  </si>
  <si>
    <t>西都市</t>
  </si>
  <si>
    <t>三股町</t>
  </si>
  <si>
    <t>都農町</t>
  </si>
  <si>
    <t>諸塚村</t>
  </si>
  <si>
    <t>高千穂町</t>
  </si>
  <si>
    <t>日之影町</t>
  </si>
  <si>
    <t>五ヶ瀬町</t>
  </si>
  <si>
    <t>鹿屋市</t>
  </si>
  <si>
    <t>姶良市</t>
  </si>
  <si>
    <t>阿久根市</t>
  </si>
  <si>
    <t>指宿市</t>
  </si>
  <si>
    <t>西之表市</t>
  </si>
  <si>
    <t>垂水市</t>
  </si>
  <si>
    <t>日置市</t>
  </si>
  <si>
    <t>曽於市</t>
  </si>
  <si>
    <t>霧島市</t>
  </si>
  <si>
    <t>いちき串木野市</t>
  </si>
  <si>
    <t>南さつま市</t>
  </si>
  <si>
    <t>志布志市</t>
  </si>
  <si>
    <t>伊佐市</t>
  </si>
  <si>
    <t>十島村</t>
  </si>
  <si>
    <t>湧水町</t>
  </si>
  <si>
    <t>大崎町</t>
  </si>
  <si>
    <t>錦江町</t>
  </si>
  <si>
    <t>南種子町</t>
  </si>
  <si>
    <t>大和村</t>
  </si>
  <si>
    <t>宇検村</t>
  </si>
  <si>
    <t>瀬戸内町</t>
  </si>
  <si>
    <t>龍郷町</t>
  </si>
  <si>
    <t>和泊町</t>
  </si>
  <si>
    <t>知名町</t>
  </si>
  <si>
    <t>石垣市</t>
  </si>
  <si>
    <t>浦添市</t>
  </si>
  <si>
    <t>沖縄市</t>
  </si>
  <si>
    <t>うるま市</t>
  </si>
  <si>
    <t>宮古島市</t>
  </si>
  <si>
    <t>今帰仁村</t>
  </si>
  <si>
    <t>金武町</t>
  </si>
  <si>
    <t>読谷村</t>
  </si>
  <si>
    <t>北中城村</t>
  </si>
  <si>
    <t>西原町</t>
  </si>
  <si>
    <t>渡名喜村</t>
  </si>
  <si>
    <t>伊平屋村</t>
  </si>
  <si>
    <t>伊是名村</t>
  </si>
  <si>
    <t>久米島町</t>
  </si>
  <si>
    <t>八重瀬町</t>
  </si>
  <si>
    <r>
      <t>【記入上の注意】
・　本様式では下記の要件を確認しており、オレンジセルが「○」でない場合、補助金の交付要件を満たしていない。
　Ⅰ補助金による人件費改善及び職場環境改善の総額が補助金による収入額以上となること。
　Ⅱ職場環境改善を、研修費、介護助手等の募集経費以外に充てた場合、その使途を記載すること。
・　②「人件費改善の所要額」には、補助金により人件費改善を行った場合の法定福利費等の事業主負担の増加分を含めることができる。
・　「その他の金額」には、補助金の要件である「現場の課題の見える化」、「業務内容の明確化と役割分担」、又は「業務改善活動の体制構築」に関する取組
  を実施するための費用のうち、</t>
    </r>
    <r>
      <rPr>
        <sz val="8"/>
        <color auto="1"/>
        <rFont val="ＭＳ Ｐゴシック"/>
      </rPr>
      <t>介護テクノロジー等の機器購入費用</t>
    </r>
    <r>
      <rPr>
        <sz val="8"/>
        <color theme="1"/>
        <rFont val="ＭＳ Ｐゴシック"/>
      </rPr>
      <t xml:space="preserve">でないもの（専門家の派遣費用、会議費等）のみ充当することができる。
・　「その他の金額」に記載した場合において、対象となる要件が複数ある場合は、プルダウンでは主な対象となる要件を選択し、
　　その他の要件については、備考欄に記載すること。
</t>
    </r>
    <r>
      <rPr>
        <sz val="8"/>
        <color auto="1"/>
        <rFont val="ＭＳ Ｐゴシック"/>
      </rPr>
      <t xml:space="preserve">・　本補助金を、介護テクノロジー等の機器購入費用に充てることはできないため、
</t>
    </r>
    <r>
      <rPr>
        <sz val="8"/>
        <color theme="1"/>
        <rFont val="ＭＳ Ｐゴシック"/>
      </rPr>
      <t>　そのような使用が都道府県によって確認された場合、チェックリストに○がついていても、要件を満たしていないと審査される可能性がある。</t>
    </r>
    <rPh sb="71" eb="74">
      <t>ジンケンヒ</t>
    </rPh>
    <rPh sb="76" eb="77">
      <t>オヨ</t>
    </rPh>
    <rPh sb="78" eb="80">
      <t>ショクバ</t>
    </rPh>
    <rPh sb="80" eb="82">
      <t>カンキョウ</t>
    </rPh>
    <rPh sb="82" eb="84">
      <t>カイゼン</t>
    </rPh>
    <rPh sb="108" eb="114">
      <t>ショクバカンキョウカイゼン</t>
    </rPh>
    <rPh sb="116" eb="118">
      <t>ケンシュウ</t>
    </rPh>
    <rPh sb="118" eb="119">
      <t>ヒ</t>
    </rPh>
    <rPh sb="120" eb="125">
      <t>カイゴジョシュトウ</t>
    </rPh>
    <rPh sb="126" eb="130">
      <t>ボシュウケイヒ</t>
    </rPh>
    <rPh sb="130" eb="132">
      <t>イガイ</t>
    </rPh>
    <rPh sb="133" eb="134">
      <t>ア</t>
    </rPh>
    <rPh sb="136" eb="138">
      <t>バアイ</t>
    </rPh>
    <rPh sb="141" eb="143">
      <t>シト</t>
    </rPh>
    <rPh sb="144" eb="146">
      <t>キサイ</t>
    </rPh>
    <rPh sb="156" eb="159">
      <t>ジンケンヒ</t>
    </rPh>
    <rPh sb="159" eb="161">
      <t>カイゼン</t>
    </rPh>
    <rPh sb="175" eb="178">
      <t>ジンケンヒ</t>
    </rPh>
    <rPh sb="220" eb="221">
      <t>ホカ</t>
    </rPh>
    <rPh sb="222" eb="224">
      <t>キンガク</t>
    </rPh>
    <rPh sb="228" eb="231">
      <t>ホジョキン</t>
    </rPh>
    <rPh sb="232" eb="234">
      <t>ヨウケン</t>
    </rPh>
    <rPh sb="238" eb="240">
      <t>ゲンバ</t>
    </rPh>
    <rPh sb="241" eb="243">
      <t>カダイ</t>
    </rPh>
    <rPh sb="244" eb="245">
      <t>ミ</t>
    </rPh>
    <rPh sb="247" eb="248">
      <t>カ</t>
    </rPh>
    <rPh sb="251" eb="253">
      <t>ギョウム</t>
    </rPh>
    <rPh sb="253" eb="255">
      <t>ナイヨウ</t>
    </rPh>
    <rPh sb="256" eb="259">
      <t>メイカクカ</t>
    </rPh>
    <rPh sb="260" eb="262">
      <t>ヤクワリ</t>
    </rPh>
    <rPh sb="262" eb="264">
      <t>ブンタン</t>
    </rPh>
    <rPh sb="266" eb="267">
      <t>マタ</t>
    </rPh>
    <rPh sb="269" eb="271">
      <t>ギョウム</t>
    </rPh>
    <rPh sb="271" eb="273">
      <t>カイゼン</t>
    </rPh>
    <rPh sb="273" eb="275">
      <t>カツドウ</t>
    </rPh>
    <rPh sb="276" eb="278">
      <t>タイセイ</t>
    </rPh>
    <rPh sb="278" eb="280">
      <t>コウチク</t>
    </rPh>
    <rPh sb="282" eb="283">
      <t>カン</t>
    </rPh>
    <rPh sb="285" eb="287">
      <t>トリクミ</t>
    </rPh>
    <rPh sb="291" eb="293">
      <t>ジッシ</t>
    </rPh>
    <rPh sb="298" eb="300">
      <t>ヒヨウ</t>
    </rPh>
    <rPh sb="312" eb="313">
      <t>トウ</t>
    </rPh>
    <rPh sb="326" eb="329">
      <t>センモンカ</t>
    </rPh>
    <rPh sb="330" eb="332">
      <t>ハケン</t>
    </rPh>
    <rPh sb="332" eb="334">
      <t>ヒヨウ</t>
    </rPh>
    <rPh sb="335" eb="338">
      <t>カイギヒ</t>
    </rPh>
    <rPh sb="338" eb="339">
      <t>トウ</t>
    </rPh>
    <rPh sb="342" eb="344">
      <t>ジュウトウ</t>
    </rPh>
    <rPh sb="442" eb="443">
      <t>ホン</t>
    </rPh>
    <rPh sb="443" eb="446">
      <t>ホジョキン</t>
    </rPh>
    <rPh sb="462" eb="464">
      <t>ヒヨウ</t>
    </rPh>
    <rPh sb="465" eb="466">
      <t>ア</t>
    </rPh>
    <rPh sb="477" eb="479">
      <t>シンサ</t>
    </rPh>
    <rPh sb="481" eb="484">
      <t>カノウセイ</t>
    </rPh>
    <phoneticPr fontId="35"/>
  </si>
</sst>
</file>

<file path=xl/styles.xml><?xml version="1.0" encoding="utf-8"?>
<styleSheet xmlns="http://schemas.openxmlformats.org/spreadsheetml/2006/main" xmlns:r="http://schemas.openxmlformats.org/officeDocument/2006/relationships" xmlns:mc="http://schemas.openxmlformats.org/markup-compatibility/2006">
  <numFmts count="3">
    <numFmt numFmtId="176" formatCode="#,##0_ "/>
    <numFmt numFmtId="177" formatCode="\(0.0\)"/>
    <numFmt numFmtId="178" formatCode="#,##0_);[Red]\(#,##0\)"/>
  </numFmts>
  <fonts count="54">
    <font>
      <sz val="11"/>
      <color auto="1"/>
      <name val="ＭＳ Ｐゴシック"/>
      <family val="3"/>
    </font>
    <font>
      <sz val="11"/>
      <color indexed="8"/>
      <name val="ＭＳ Ｐゴシック"/>
      <family val="3"/>
    </font>
    <font>
      <sz val="11"/>
      <color indexed="9"/>
      <name val="ＭＳ Ｐゴシック"/>
      <family val="3"/>
    </font>
    <font>
      <sz val="11"/>
      <color indexed="60"/>
      <name val="ＭＳ Ｐゴシック"/>
      <family val="3"/>
    </font>
    <font>
      <b/>
      <sz val="18"/>
      <color indexed="56"/>
      <name val="ＭＳ Ｐゴシック"/>
      <family val="3"/>
    </font>
    <font>
      <b/>
      <sz val="11"/>
      <color indexed="9"/>
      <name val="ＭＳ Ｐゴシック"/>
      <family val="3"/>
    </font>
    <font>
      <sz val="11"/>
      <color auto="1"/>
      <name val="ＭＳ Ｐゴシック"/>
      <family val="3"/>
    </font>
    <font>
      <sz val="11"/>
      <color indexed="52"/>
      <name val="ＭＳ Ｐゴシック"/>
      <family val="3"/>
    </font>
    <font>
      <sz val="11"/>
      <color indexed="62"/>
      <name val="ＭＳ Ｐゴシック"/>
      <family val="3"/>
    </font>
    <font>
      <b/>
      <sz val="11"/>
      <color indexed="63"/>
      <name val="ＭＳ Ｐゴシック"/>
      <family val="3"/>
    </font>
    <font>
      <sz val="11"/>
      <color indexed="20"/>
      <name val="ＭＳ Ｐゴシック"/>
      <family val="3"/>
    </font>
    <font>
      <sz val="11"/>
      <color theme="1"/>
      <name val="ＭＳ Ｐゴシック"/>
      <family val="3"/>
      <scheme val="minor"/>
    </font>
    <font>
      <sz val="8"/>
      <color auto="1"/>
      <name val="ＭＳ Ｐゴシック"/>
      <family val="3"/>
    </font>
    <font>
      <sz val="11"/>
      <color indexed="17"/>
      <name val="ＭＳ Ｐゴシック"/>
      <family val="3"/>
    </font>
    <font>
      <b/>
      <sz val="15"/>
      <color indexed="56"/>
      <name val="ＭＳ Ｐゴシック"/>
      <family val="3"/>
    </font>
    <font>
      <b/>
      <sz val="13"/>
      <color indexed="56"/>
      <name val="ＭＳ Ｐゴシック"/>
      <family val="3"/>
    </font>
    <font>
      <b/>
      <sz val="11"/>
      <color indexed="56"/>
      <name val="ＭＳ Ｐゴシック"/>
      <family val="3"/>
    </font>
    <font>
      <b/>
      <sz val="11"/>
      <color indexed="52"/>
      <name val="ＭＳ Ｐゴシック"/>
      <family val="3"/>
    </font>
    <font>
      <i/>
      <sz val="11"/>
      <color indexed="23"/>
      <name val="ＭＳ Ｐゴシック"/>
      <family val="3"/>
    </font>
    <font>
      <sz val="11"/>
      <color indexed="10"/>
      <name val="ＭＳ Ｐゴシック"/>
      <family val="3"/>
    </font>
    <font>
      <b/>
      <sz val="11"/>
      <color indexed="8"/>
      <name val="ＭＳ Ｐゴシック"/>
      <family val="3"/>
    </font>
    <font>
      <sz val="11"/>
      <color theme="1"/>
      <name val="ＭＳ Ｐゴシック"/>
      <family val="3"/>
      <scheme val="minor"/>
    </font>
    <font>
      <sz val="12"/>
      <color theme="1"/>
      <name val="ＭＳ Ｐゴシック"/>
      <family val="3"/>
    </font>
    <font>
      <b/>
      <sz val="11"/>
      <color theme="1"/>
      <name val="ＭＳ Ｐゴシック"/>
      <family val="3"/>
    </font>
    <font>
      <b/>
      <sz val="12"/>
      <color rgb="FFFF0000"/>
      <name val="ＭＳ Ｐゴシック"/>
      <family val="3"/>
    </font>
    <font>
      <sz val="12"/>
      <color auto="1"/>
      <name val="ＭＳ Ｐゴシック"/>
      <family val="3"/>
    </font>
    <font>
      <sz val="12"/>
      <color rgb="FFFF0000"/>
      <name val="ＭＳ Ｐゴシック"/>
      <family val="3"/>
    </font>
    <font>
      <b/>
      <sz val="12"/>
      <color theme="1"/>
      <name val="ＭＳ Ｐゴシック"/>
      <family val="3"/>
    </font>
    <font>
      <sz val="14"/>
      <color theme="1"/>
      <name val="ＭＳ Ｐゴシック"/>
      <family val="3"/>
    </font>
    <font>
      <b/>
      <sz val="14"/>
      <color theme="1"/>
      <name val="ＭＳ Ｐゴシック"/>
      <family val="3"/>
    </font>
    <font>
      <sz val="10"/>
      <color theme="1"/>
      <name val="ＭＳ Ｐゴシック"/>
      <family val="3"/>
    </font>
    <font>
      <u/>
      <sz val="11"/>
      <color theme="10"/>
      <name val="ＭＳ Ｐゴシック"/>
      <family val="3"/>
    </font>
    <font>
      <u/>
      <sz val="11"/>
      <color auto="1"/>
      <name val="ＭＳ Ｐゴシック"/>
      <family val="3"/>
    </font>
    <font>
      <b/>
      <sz val="14"/>
      <color auto="1"/>
      <name val="ＭＳ Ｐゴシック"/>
      <family val="3"/>
    </font>
    <font>
      <b/>
      <sz val="11"/>
      <color auto="1"/>
      <name val="ＭＳ Ｐゴシック"/>
      <family val="3"/>
    </font>
    <font>
      <sz val="6"/>
      <color auto="1"/>
      <name val="ＭＳ Ｐゴシック"/>
      <family val="3"/>
    </font>
    <font>
      <sz val="10"/>
      <color auto="1"/>
      <name val="ＭＳ Ｐゴシック"/>
      <family val="3"/>
    </font>
    <font>
      <sz val="10.5"/>
      <color auto="1"/>
      <name val="ＭＳ Ｐゴシック"/>
      <family val="3"/>
    </font>
    <font>
      <sz val="14"/>
      <color auto="1"/>
      <name val="ＭＳ Ｐゴシック"/>
      <family val="3"/>
    </font>
    <font>
      <sz val="8"/>
      <color theme="1"/>
      <name val="ＭＳ Ｐゴシック"/>
      <family val="3"/>
    </font>
    <font>
      <sz val="9"/>
      <color theme="1"/>
      <name val="ＭＳ Ｐゴシック"/>
      <family val="3"/>
    </font>
    <font>
      <sz val="9"/>
      <color auto="1"/>
      <name val="ＭＳ Ｐゴシック"/>
      <family val="3"/>
    </font>
    <font>
      <b/>
      <sz val="10.5"/>
      <color auto="1"/>
      <name val="ＭＳ Ｐゴシック"/>
      <family val="3"/>
    </font>
    <font>
      <b/>
      <sz val="12"/>
      <color auto="1"/>
      <name val="ＭＳ Ｐゴシック"/>
      <family val="3"/>
    </font>
    <font>
      <b/>
      <sz val="10.5"/>
      <color theme="1"/>
      <name val="ＭＳ Ｐゴシック"/>
      <family val="3"/>
    </font>
    <font>
      <sz val="10.5"/>
      <color theme="1"/>
      <name val="ＭＳ Ｐゴシック"/>
      <family val="3"/>
    </font>
    <font>
      <b/>
      <sz val="9"/>
      <color theme="1"/>
      <name val="ＭＳ Ｐゴシック"/>
      <family val="3"/>
    </font>
    <font>
      <sz val="8.5"/>
      <color theme="1"/>
      <name val="ＭＳ Ｐゴシック"/>
      <family val="3"/>
    </font>
    <font>
      <b/>
      <sz val="10.5"/>
      <color indexed="60"/>
      <name val="ＭＳ Ｐゴシック"/>
      <family val="3"/>
    </font>
    <font>
      <b/>
      <sz val="10"/>
      <color auto="1"/>
      <name val="ＭＳ Ｐゴシック"/>
      <family val="3"/>
    </font>
    <font>
      <sz val="10"/>
      <color theme="0"/>
      <name val="ＭＳ Ｐゴシック"/>
      <family val="3"/>
    </font>
    <font>
      <sz val="11"/>
      <color theme="0"/>
      <name val="ＭＳ Ｐゴシック"/>
      <family val="3"/>
    </font>
    <font>
      <b/>
      <sz val="18"/>
      <color rgb="FF732EA6"/>
      <name val="ＭＳ Ｐゴシック"/>
      <family val="3"/>
    </font>
    <font>
      <b/>
      <sz val="16"/>
      <color rgb="FF9245CB"/>
      <name val="ＭＳ Ｐゴシック"/>
      <family val="3"/>
    </font>
  </fonts>
  <fills count="32">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43"/>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26"/>
      </patternFill>
    </fill>
    <fill>
      <patternFill patternType="solid">
        <fgColor indexed="22"/>
      </patternFill>
    </fill>
    <fill>
      <patternFill patternType="solid">
        <fgColor rgb="FFFFFF99"/>
        <bgColor indexed="64"/>
      </patternFill>
    </fill>
    <fill>
      <patternFill patternType="solid">
        <fgColor rgb="FFCCFFCC"/>
        <bgColor indexed="64"/>
      </patternFill>
    </fill>
    <fill>
      <patternFill patternType="solid">
        <fgColor rgb="FFCCFFFF"/>
        <bgColor indexed="64"/>
      </patternFill>
    </fill>
    <fill>
      <patternFill patternType="solid">
        <fgColor theme="0"/>
        <bgColor indexed="64"/>
      </patternFill>
    </fill>
    <fill>
      <patternFill patternType="solid">
        <fgColor theme="7" tint="0.8"/>
        <bgColor indexed="64"/>
      </patternFill>
    </fill>
    <fill>
      <patternFill patternType="solid">
        <fgColor theme="0" tint="-5.e-002"/>
        <bgColor indexed="64"/>
      </patternFill>
    </fill>
    <fill>
      <patternFill patternType="solid">
        <fgColor rgb="FFFFC000"/>
        <bgColor indexed="64"/>
      </patternFill>
    </fill>
    <fill>
      <patternFill patternType="solid">
        <fgColor rgb="FFFFFFCC"/>
        <bgColor indexed="64"/>
      </patternFill>
    </fill>
  </fills>
  <borders count="89">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style="medium">
        <color indexed="64"/>
      </left>
      <right style="thin">
        <color indexed="64"/>
      </right>
      <top style="medium">
        <color indexed="64"/>
      </top>
      <bottom style="medium">
        <color indexed="64"/>
      </bottom>
      <diagonal/>
    </border>
    <border>
      <left/>
      <right/>
      <top style="thin">
        <color indexed="64"/>
      </top>
      <bottom style="thin">
        <color indexed="64"/>
      </bottom>
      <diagonal/>
    </border>
    <border>
      <left/>
      <right/>
      <top style="thin">
        <color indexed="64"/>
      </top>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diagonal/>
    </border>
    <border>
      <left style="medium">
        <color indexed="64"/>
      </left>
      <right style="hair">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medium">
        <color indexed="64"/>
      </top>
      <bottom/>
      <diagonal/>
    </border>
    <border>
      <left style="hair">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style="thin">
        <color indexed="64"/>
      </top>
      <bottom style="medium">
        <color indexed="64"/>
      </bottom>
      <diagonal/>
    </border>
    <border>
      <left style="thin">
        <color indexed="64"/>
      </left>
      <right/>
      <top/>
      <bottom/>
      <diagonal/>
    </border>
    <border>
      <left style="thin">
        <color indexed="64"/>
      </left>
      <right style="medium">
        <color indexed="64"/>
      </right>
      <top style="medium">
        <color indexed="64"/>
      </top>
      <bottom/>
      <diagonal/>
    </border>
    <border>
      <left/>
      <right style="thin">
        <color indexed="64"/>
      </right>
      <top/>
      <bottom style="thin">
        <color indexed="64"/>
      </bottom>
      <diagonal/>
    </border>
    <border>
      <left style="hair">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top style="thin">
        <color indexed="64"/>
      </top>
      <bottom style="hair">
        <color indexed="64"/>
      </bottom>
      <diagonal/>
    </border>
    <border>
      <left style="medium">
        <color indexed="64"/>
      </left>
      <right style="medium">
        <color indexed="64"/>
      </right>
      <top style="medium">
        <color indexed="64"/>
      </top>
      <bottom style="medium">
        <color indexed="64"/>
      </bottom>
      <diagonal/>
    </border>
    <border>
      <left/>
      <right/>
      <top/>
      <bottom style="medium">
        <color auto="1"/>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style="medium">
        <color indexed="64"/>
      </top>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right/>
      <top/>
      <bottom style="thin">
        <color indexed="64"/>
      </bottom>
      <diagonal/>
    </border>
    <border>
      <left style="hair">
        <color indexed="64"/>
      </left>
      <right/>
      <top/>
      <bottom style="hair">
        <color indexed="64"/>
      </bottom>
      <diagonal/>
    </border>
    <border>
      <left style="hair">
        <color indexed="64"/>
      </left>
      <right/>
      <top style="hair">
        <color indexed="64"/>
      </top>
      <bottom style="thin">
        <color indexed="64"/>
      </bottom>
      <diagonal/>
    </border>
    <border>
      <left/>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medium">
        <color indexed="64"/>
      </bottom>
      <diagonal/>
    </border>
  </borders>
  <cellStyleXfs count="54">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3"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20" borderId="0" applyNumberFormat="0" applyBorder="0" applyAlignment="0" applyProtection="0">
      <alignment vertical="center"/>
    </xf>
    <xf numFmtId="0" fontId="4" fillId="0" borderId="0" applyNumberFormat="0" applyFill="0" applyBorder="0" applyAlignment="0" applyProtection="0">
      <alignment vertical="center"/>
    </xf>
    <xf numFmtId="0" fontId="5" fillId="21" borderId="1" applyNumberFormat="0" applyAlignment="0" applyProtection="0">
      <alignment vertical="center"/>
    </xf>
    <xf numFmtId="9" fontId="6" fillId="0" borderId="0" applyFont="0" applyFill="0" applyBorder="0" applyAlignment="0" applyProtection="0">
      <alignment vertical="center"/>
    </xf>
    <xf numFmtId="0" fontId="1" fillId="22" borderId="2" applyNumberFormat="0" applyFont="0" applyAlignment="0" applyProtection="0">
      <alignment vertical="center"/>
    </xf>
    <xf numFmtId="0" fontId="7" fillId="0" borderId="3" applyNumberFormat="0" applyFill="0" applyAlignment="0" applyProtection="0">
      <alignment vertical="center"/>
    </xf>
    <xf numFmtId="0" fontId="8" fillId="7" borderId="4" applyNumberFormat="0" applyAlignment="0" applyProtection="0">
      <alignment vertical="center"/>
    </xf>
    <xf numFmtId="0" fontId="9" fillId="23" borderId="5" applyNumberFormat="0" applyAlignment="0" applyProtection="0">
      <alignment vertical="center"/>
    </xf>
    <xf numFmtId="0" fontId="10" fillId="3" borderId="0" applyNumberFormat="0" applyBorder="0" applyAlignment="0" applyProtection="0">
      <alignment vertical="center"/>
    </xf>
    <xf numFmtId="38" fontId="6" fillId="0" borderId="0" applyFont="0" applyFill="0" applyBorder="0" applyAlignment="0" applyProtection="0">
      <alignment vertical="center"/>
    </xf>
    <xf numFmtId="0" fontId="11" fillId="0" borderId="0">
      <alignment vertical="center"/>
    </xf>
    <xf numFmtId="0" fontId="11" fillId="0" borderId="0">
      <alignment vertical="center"/>
    </xf>
    <xf numFmtId="0" fontId="12" fillId="0" borderId="0"/>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3" fillId="4" borderId="0" applyNumberFormat="0" applyBorder="0" applyAlignment="0" applyProtection="0">
      <alignment vertical="center"/>
    </xf>
    <xf numFmtId="0" fontId="14" fillId="0" borderId="6" applyNumberFormat="0" applyFill="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6" fillId="0" borderId="0" applyNumberFormat="0" applyFill="0" applyBorder="0" applyAlignment="0" applyProtection="0">
      <alignment vertical="center"/>
    </xf>
    <xf numFmtId="0" fontId="17" fillId="23" borderId="4"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9" applyNumberFormat="0" applyFill="0" applyAlignment="0" applyProtection="0">
      <alignment vertical="center"/>
    </xf>
    <xf numFmtId="0" fontId="31" fillId="0" borderId="0" applyNumberFormat="0" applyFill="0" applyBorder="0" applyAlignment="0" applyProtection="0">
      <alignment vertical="center"/>
    </xf>
  </cellStyleXfs>
  <cellXfs count="349">
    <xf numFmtId="0" fontId="0" fillId="0" borderId="0" xfId="0">
      <alignment vertical="center"/>
    </xf>
    <xf numFmtId="0" fontId="22" fillId="0" borderId="0" xfId="0" applyFont="1">
      <alignment vertical="center"/>
    </xf>
    <xf numFmtId="0" fontId="23" fillId="0" borderId="0" xfId="0" applyFont="1">
      <alignment vertical="center"/>
    </xf>
    <xf numFmtId="0" fontId="24" fillId="0" borderId="0" xfId="0" applyFont="1">
      <alignment vertical="center"/>
    </xf>
    <xf numFmtId="0" fontId="22" fillId="0" borderId="0" xfId="0" applyFont="1" applyAlignment="1">
      <alignment horizontal="left" vertical="center" wrapText="1"/>
    </xf>
    <xf numFmtId="0" fontId="25" fillId="0" borderId="0" xfId="0" applyFont="1" applyAlignment="1">
      <alignment horizontal="left" vertical="top" wrapText="1"/>
    </xf>
    <xf numFmtId="0" fontId="26" fillId="0" borderId="0" xfId="0" applyFont="1">
      <alignment vertical="center"/>
    </xf>
    <xf numFmtId="0" fontId="11" fillId="0" borderId="0" xfId="0" applyFont="1">
      <alignment vertical="center"/>
    </xf>
    <xf numFmtId="0" fontId="27" fillId="0" borderId="0" xfId="0" applyFont="1">
      <alignment vertical="center"/>
    </xf>
    <xf numFmtId="0" fontId="28" fillId="0" borderId="10" xfId="0" applyFont="1" applyBorder="1" applyAlignment="1">
      <alignment horizontal="center" vertical="center"/>
    </xf>
    <xf numFmtId="0" fontId="11" fillId="0" borderId="11" xfId="0" applyFont="1" applyBorder="1">
      <alignment vertical="center"/>
    </xf>
    <xf numFmtId="0" fontId="11" fillId="0" borderId="12" xfId="0" applyFont="1" applyBorder="1">
      <alignment vertical="center"/>
    </xf>
    <xf numFmtId="0" fontId="11" fillId="0" borderId="13" xfId="0" applyFont="1" applyBorder="1">
      <alignment vertical="center"/>
    </xf>
    <xf numFmtId="0" fontId="11" fillId="0" borderId="10" xfId="0" applyFont="1" applyBorder="1" applyAlignment="1">
      <alignment horizontal="left" vertical="center"/>
    </xf>
    <xf numFmtId="0" fontId="11" fillId="0" borderId="11" xfId="0" applyFont="1" applyBorder="1" applyAlignment="1">
      <alignment vertical="center" wrapText="1" shrinkToFit="1"/>
    </xf>
    <xf numFmtId="0" fontId="11" fillId="0" borderId="12" xfId="0" applyFont="1" applyBorder="1" applyAlignment="1">
      <alignment vertical="center" wrapText="1" shrinkToFit="1"/>
    </xf>
    <xf numFmtId="0" fontId="11" fillId="0" borderId="12" xfId="0" applyFont="1" applyBorder="1" applyAlignment="1">
      <alignment vertical="center" shrinkToFit="1"/>
    </xf>
    <xf numFmtId="0" fontId="11" fillId="0" borderId="0" xfId="0" applyFont="1" applyAlignment="1">
      <alignment horizontal="right" vertical="top" wrapText="1"/>
    </xf>
    <xf numFmtId="0" fontId="11" fillId="0" borderId="14" xfId="0" applyFont="1" applyBorder="1" applyAlignment="1">
      <alignment horizontal="center" vertical="center"/>
    </xf>
    <xf numFmtId="0" fontId="11" fillId="0" borderId="15" xfId="0" applyFont="1" applyBorder="1" applyAlignment="1">
      <alignment horizontal="center" vertical="center"/>
    </xf>
    <xf numFmtId="0" fontId="11" fillId="0" borderId="10" xfId="0" applyFont="1" applyBorder="1" applyAlignment="1">
      <alignment horizontal="center" vertical="center"/>
    </xf>
    <xf numFmtId="0" fontId="0" fillId="0" borderId="0" xfId="0" applyAlignment="1">
      <alignment horizontal="right" vertical="top" wrapText="1"/>
    </xf>
    <xf numFmtId="0" fontId="29" fillId="24" borderId="16" xfId="0" applyFont="1" applyFill="1" applyBorder="1" applyAlignment="1" applyProtection="1">
      <alignment horizontal="left" vertical="center"/>
      <protection locked="0"/>
    </xf>
    <xf numFmtId="0" fontId="11" fillId="0" borderId="14" xfId="0" applyFont="1" applyBorder="1" applyAlignment="1">
      <alignment horizontal="left" vertical="center"/>
    </xf>
    <xf numFmtId="0" fontId="11" fillId="0" borderId="14" xfId="0" applyFont="1" applyBorder="1" applyAlignment="1">
      <alignment horizontal="left" vertical="center" wrapText="1"/>
    </xf>
    <xf numFmtId="0" fontId="11" fillId="0" borderId="17" xfId="0" applyFont="1" applyBorder="1" applyAlignment="1">
      <alignment horizontal="left" vertical="center"/>
    </xf>
    <xf numFmtId="0" fontId="11" fillId="0" borderId="14" xfId="0" applyFont="1" applyBorder="1">
      <alignment vertical="center"/>
    </xf>
    <xf numFmtId="0" fontId="11" fillId="0" borderId="0" xfId="0" applyFont="1" applyAlignment="1">
      <alignment horizontal="left" vertical="top" wrapText="1"/>
    </xf>
    <xf numFmtId="0" fontId="30" fillId="0" borderId="18" xfId="0" applyFont="1" applyBorder="1" applyAlignment="1">
      <alignment horizontal="center" vertical="center"/>
    </xf>
    <xf numFmtId="0" fontId="30" fillId="0" borderId="0" xfId="0" applyFont="1" applyAlignment="1">
      <alignment horizontal="center" vertical="center"/>
    </xf>
    <xf numFmtId="49" fontId="28" fillId="24" borderId="19" xfId="0" applyNumberFormat="1" applyFont="1" applyFill="1" applyBorder="1" applyAlignment="1" applyProtection="1">
      <alignment horizontal="center" vertical="center"/>
      <protection locked="0"/>
    </xf>
    <xf numFmtId="49" fontId="28" fillId="24" borderId="20" xfId="0" applyNumberFormat="1" applyFont="1" applyFill="1" applyBorder="1" applyAlignment="1" applyProtection="1">
      <alignment horizontal="center" vertical="center"/>
      <protection locked="0"/>
    </xf>
    <xf numFmtId="49" fontId="28" fillId="24" borderId="21" xfId="0" applyNumberFormat="1" applyFont="1" applyFill="1" applyBorder="1" applyAlignment="1" applyProtection="1">
      <alignment horizontal="center" vertical="center"/>
      <protection locked="0"/>
    </xf>
    <xf numFmtId="49" fontId="28" fillId="24" borderId="22" xfId="0" applyNumberFormat="1" applyFont="1" applyFill="1" applyBorder="1" applyAlignment="1" applyProtection="1">
      <alignment horizontal="center" vertical="center"/>
      <protection locked="0"/>
    </xf>
    <xf numFmtId="0" fontId="0" fillId="0" borderId="0" xfId="0" applyAlignment="1">
      <alignment vertical="top" wrapText="1"/>
    </xf>
    <xf numFmtId="0" fontId="29" fillId="24" borderId="23" xfId="0" applyFont="1" applyFill="1" applyBorder="1" applyAlignment="1" applyProtection="1">
      <alignment horizontal="left" vertical="center"/>
      <protection locked="0"/>
    </xf>
    <xf numFmtId="49" fontId="28" fillId="24" borderId="24" xfId="0" applyNumberFormat="1" applyFont="1" applyFill="1" applyBorder="1" applyAlignment="1" applyProtection="1">
      <alignment horizontal="center" vertical="center"/>
      <protection locked="0"/>
    </xf>
    <xf numFmtId="49" fontId="28" fillId="24" borderId="14" xfId="0" applyNumberFormat="1" applyFont="1" applyFill="1" applyBorder="1" applyAlignment="1" applyProtection="1">
      <alignment horizontal="center" vertical="center"/>
      <protection locked="0"/>
    </xf>
    <xf numFmtId="49" fontId="28" fillId="24" borderId="17" xfId="0" applyNumberFormat="1" applyFont="1" applyFill="1" applyBorder="1" applyAlignment="1" applyProtection="1">
      <alignment horizontal="center" vertical="center"/>
      <protection locked="0"/>
    </xf>
    <xf numFmtId="49" fontId="28" fillId="24" borderId="25" xfId="0" applyNumberFormat="1" applyFont="1" applyFill="1" applyBorder="1" applyAlignment="1" applyProtection="1">
      <alignment horizontal="center" vertical="center"/>
      <protection locked="0"/>
    </xf>
    <xf numFmtId="0" fontId="29" fillId="24" borderId="26" xfId="0" applyFont="1" applyFill="1" applyBorder="1" applyAlignment="1" applyProtection="1">
      <alignment horizontal="left" vertical="center"/>
      <protection locked="0"/>
    </xf>
    <xf numFmtId="0" fontId="11" fillId="0" borderId="10" xfId="0" applyFont="1" applyBorder="1" applyAlignment="1">
      <alignment horizontal="left" vertical="center" wrapText="1"/>
    </xf>
    <xf numFmtId="0" fontId="11" fillId="0" borderId="27" xfId="0" applyFont="1" applyBorder="1" applyAlignment="1">
      <alignment horizontal="left" vertical="center"/>
    </xf>
    <xf numFmtId="0" fontId="30" fillId="0" borderId="28" xfId="0" applyFont="1" applyBorder="1" applyAlignment="1">
      <alignment horizontal="center" vertical="center"/>
    </xf>
    <xf numFmtId="0" fontId="30" fillId="0" borderId="29" xfId="0" applyFont="1" applyBorder="1" applyAlignment="1">
      <alignment horizontal="center" vertical="center"/>
    </xf>
    <xf numFmtId="49" fontId="28" fillId="24" borderId="30" xfId="0" applyNumberFormat="1" applyFont="1" applyFill="1" applyBorder="1" applyAlignment="1" applyProtection="1">
      <alignment horizontal="center" vertical="center"/>
      <protection locked="0"/>
    </xf>
    <xf numFmtId="49" fontId="28" fillId="24" borderId="31" xfId="0" applyNumberFormat="1" applyFont="1" applyFill="1" applyBorder="1" applyAlignment="1" applyProtection="1">
      <alignment horizontal="center" vertical="center"/>
      <protection locked="0"/>
    </xf>
    <xf numFmtId="0" fontId="11" fillId="24" borderId="19" xfId="0" applyFont="1" applyFill="1" applyBorder="1" applyAlignment="1" applyProtection="1">
      <alignment horizontal="left" vertical="center" wrapText="1"/>
      <protection locked="0"/>
    </xf>
    <xf numFmtId="0" fontId="11" fillId="24" borderId="32" xfId="0" applyFont="1" applyFill="1" applyBorder="1" applyAlignment="1" applyProtection="1">
      <alignment horizontal="left" vertical="center" wrapText="1"/>
      <protection locked="0"/>
    </xf>
    <xf numFmtId="0" fontId="11" fillId="24" borderId="33" xfId="0" applyFont="1" applyFill="1" applyBorder="1" applyAlignment="1" applyProtection="1">
      <alignment horizontal="center" vertical="center"/>
      <protection locked="0"/>
    </xf>
    <xf numFmtId="0" fontId="11" fillId="24" borderId="20" xfId="0" applyFont="1" applyFill="1" applyBorder="1" applyAlignment="1" applyProtection="1">
      <alignment horizontal="left" vertical="center" wrapText="1"/>
      <protection locked="0"/>
    </xf>
    <xf numFmtId="0" fontId="11" fillId="24" borderId="20" xfId="0" applyFont="1" applyFill="1" applyBorder="1" applyAlignment="1" applyProtection="1">
      <alignment horizontal="left" vertical="center"/>
      <protection locked="0"/>
    </xf>
    <xf numFmtId="0" fontId="0" fillId="24" borderId="20" xfId="0" applyFill="1" applyBorder="1" applyAlignment="1" applyProtection="1">
      <alignment horizontal="left" vertical="center"/>
      <protection locked="0"/>
    </xf>
    <xf numFmtId="0" fontId="0" fillId="24" borderId="34" xfId="0" applyFill="1" applyBorder="1" applyAlignment="1" applyProtection="1">
      <alignment horizontal="left" vertical="center"/>
      <protection locked="0"/>
    </xf>
    <xf numFmtId="49" fontId="0" fillId="24" borderId="21" xfId="0" applyNumberFormat="1" applyFill="1" applyBorder="1" applyAlignment="1" applyProtection="1">
      <alignment horizontal="left" vertical="center"/>
      <protection locked="0"/>
    </xf>
    <xf numFmtId="0" fontId="0" fillId="24" borderId="35" xfId="0" applyFill="1" applyBorder="1" applyAlignment="1" applyProtection="1">
      <alignment horizontal="left" vertical="center"/>
      <protection locked="0"/>
    </xf>
    <xf numFmtId="0" fontId="32" fillId="24" borderId="36" xfId="53" applyFont="1" applyFill="1" applyBorder="1" applyAlignment="1" applyProtection="1">
      <alignment horizontal="left" vertical="center"/>
      <protection locked="0"/>
    </xf>
    <xf numFmtId="0" fontId="11" fillId="0" borderId="11" xfId="0" applyFont="1" applyBorder="1" applyAlignment="1">
      <alignment horizontal="center" vertical="center"/>
    </xf>
    <xf numFmtId="0" fontId="11" fillId="24" borderId="24" xfId="0" applyFont="1" applyFill="1" applyBorder="1" applyAlignment="1" applyProtection="1">
      <alignment vertical="center" wrapText="1"/>
      <protection locked="0"/>
    </xf>
    <xf numFmtId="0" fontId="11" fillId="24" borderId="14" xfId="0" applyFont="1" applyFill="1" applyBorder="1" applyAlignment="1" applyProtection="1">
      <alignment vertical="center" wrapText="1"/>
      <protection locked="0"/>
    </xf>
    <xf numFmtId="0" fontId="11" fillId="24" borderId="10" xfId="0" applyFont="1" applyFill="1" applyBorder="1" applyProtection="1">
      <alignment vertical="center"/>
      <protection locked="0"/>
    </xf>
    <xf numFmtId="0" fontId="11" fillId="24" borderId="10" xfId="0" applyFont="1" applyFill="1" applyBorder="1" applyAlignment="1" applyProtection="1">
      <alignment horizontal="center" vertical="center"/>
      <protection locked="0"/>
    </xf>
    <xf numFmtId="0" fontId="11" fillId="24" borderId="14" xfId="0" applyFont="1" applyFill="1" applyBorder="1" applyProtection="1">
      <alignment vertical="center"/>
      <protection locked="0"/>
    </xf>
    <xf numFmtId="0" fontId="11" fillId="24" borderId="37" xfId="0" applyFont="1" applyFill="1" applyBorder="1" applyProtection="1">
      <alignment vertical="center"/>
      <protection locked="0"/>
    </xf>
    <xf numFmtId="0" fontId="11" fillId="24" borderId="24" xfId="0" applyFont="1" applyFill="1" applyBorder="1" applyAlignment="1" applyProtection="1">
      <alignment horizontal="left" vertical="center" wrapText="1"/>
      <protection locked="0"/>
    </xf>
    <xf numFmtId="0" fontId="11" fillId="24" borderId="18" xfId="0" applyFont="1" applyFill="1" applyBorder="1" applyAlignment="1" applyProtection="1">
      <alignment horizontal="left" vertical="center" wrapText="1"/>
      <protection locked="0"/>
    </xf>
    <xf numFmtId="0" fontId="11" fillId="24" borderId="38" xfId="0" applyFont="1" applyFill="1" applyBorder="1" applyAlignment="1" applyProtection="1">
      <alignment horizontal="center" vertical="center"/>
      <protection locked="0"/>
    </xf>
    <xf numFmtId="0" fontId="11" fillId="24" borderId="14" xfId="0" applyFont="1" applyFill="1" applyBorder="1" applyAlignment="1" applyProtection="1">
      <alignment horizontal="left" vertical="center" wrapText="1"/>
      <protection locked="0"/>
    </xf>
    <xf numFmtId="0" fontId="11" fillId="24" borderId="14" xfId="0" applyFont="1" applyFill="1" applyBorder="1" applyAlignment="1" applyProtection="1">
      <alignment horizontal="left" vertical="center"/>
      <protection locked="0"/>
    </xf>
    <xf numFmtId="0" fontId="0" fillId="24" borderId="14" xfId="0" applyFill="1" applyBorder="1" applyAlignment="1" applyProtection="1">
      <alignment horizontal="left" vertical="center"/>
      <protection locked="0"/>
    </xf>
    <xf numFmtId="0" fontId="0" fillId="24" borderId="11" xfId="0" applyFill="1" applyBorder="1" applyAlignment="1" applyProtection="1">
      <alignment horizontal="left" vertical="center"/>
      <protection locked="0"/>
    </xf>
    <xf numFmtId="49" fontId="0" fillId="24" borderId="17" xfId="0" applyNumberFormat="1" applyFill="1" applyBorder="1" applyAlignment="1" applyProtection="1">
      <alignment horizontal="left" vertical="center"/>
      <protection locked="0"/>
    </xf>
    <xf numFmtId="0" fontId="0" fillId="24" borderId="12" xfId="0" applyFill="1" applyBorder="1" applyAlignment="1" applyProtection="1">
      <alignment horizontal="left" vertical="center"/>
      <protection locked="0"/>
    </xf>
    <xf numFmtId="0" fontId="0" fillId="24" borderId="37" xfId="0" applyFill="1" applyBorder="1" applyAlignment="1" applyProtection="1">
      <alignment horizontal="left" vertical="center"/>
      <protection locked="0"/>
    </xf>
    <xf numFmtId="0" fontId="11" fillId="24" borderId="17" xfId="0" applyFont="1" applyFill="1" applyBorder="1" applyProtection="1">
      <alignment vertical="center"/>
      <protection locked="0"/>
    </xf>
    <xf numFmtId="0" fontId="11" fillId="24" borderId="17" xfId="0" applyFont="1" applyFill="1" applyBorder="1" applyAlignment="1" applyProtection="1">
      <alignment horizontal="center" vertical="center"/>
      <protection locked="0"/>
    </xf>
    <xf numFmtId="0" fontId="11" fillId="0" borderId="38" xfId="0" applyFont="1" applyBorder="1">
      <alignment vertical="center"/>
    </xf>
    <xf numFmtId="0" fontId="11" fillId="24" borderId="30" xfId="0" applyFont="1" applyFill="1" applyBorder="1" applyProtection="1">
      <alignment vertical="center"/>
      <protection locked="0"/>
    </xf>
    <xf numFmtId="0" fontId="11" fillId="24" borderId="30" xfId="0" applyFont="1" applyFill="1" applyBorder="1" applyAlignment="1" applyProtection="1">
      <alignment horizontal="center" vertical="center"/>
      <protection locked="0"/>
    </xf>
    <xf numFmtId="0" fontId="11" fillId="0" borderId="11" xfId="0" applyFont="1" applyBorder="1" applyAlignment="1">
      <alignment horizontal="center" vertical="center" wrapText="1"/>
    </xf>
    <xf numFmtId="0" fontId="11" fillId="24" borderId="39" xfId="0" applyFont="1" applyFill="1" applyBorder="1" applyProtection="1">
      <alignment vertical="center"/>
      <protection locked="0"/>
    </xf>
    <xf numFmtId="0" fontId="11" fillId="0" borderId="17" xfId="0" applyFont="1" applyBorder="1" applyAlignment="1">
      <alignment horizontal="center" vertical="center"/>
    </xf>
    <xf numFmtId="0" fontId="11" fillId="24" borderId="40" xfId="0" applyFont="1" applyFill="1" applyBorder="1" applyAlignment="1" applyProtection="1">
      <alignment horizontal="center" vertical="center"/>
      <protection locked="0"/>
    </xf>
    <xf numFmtId="49" fontId="0" fillId="24" borderId="30" xfId="0" applyNumberFormat="1" applyFill="1" applyBorder="1" applyAlignment="1" applyProtection="1">
      <alignment horizontal="left" vertical="center"/>
      <protection locked="0"/>
    </xf>
    <xf numFmtId="0" fontId="11" fillId="0" borderId="41" xfId="0" applyFont="1" applyBorder="1" applyProtection="1">
      <alignment vertical="center"/>
      <protection locked="0"/>
    </xf>
    <xf numFmtId="0" fontId="11" fillId="24" borderId="12" xfId="0" applyFont="1" applyFill="1" applyBorder="1" applyAlignment="1" applyProtection="1">
      <alignment horizontal="left" vertical="center" wrapText="1"/>
      <protection locked="0"/>
    </xf>
    <xf numFmtId="0" fontId="11" fillId="0" borderId="42" xfId="0" applyFont="1" applyBorder="1" applyProtection="1">
      <alignment vertical="center"/>
      <protection locked="0"/>
    </xf>
    <xf numFmtId="0" fontId="0" fillId="24" borderId="0" xfId="0" applyFill="1">
      <alignment vertical="center"/>
    </xf>
    <xf numFmtId="0" fontId="0" fillId="25" borderId="0" xfId="0" applyFill="1">
      <alignment vertical="center"/>
    </xf>
    <xf numFmtId="0" fontId="0" fillId="26" borderId="0" xfId="0" applyFill="1">
      <alignment vertical="center"/>
    </xf>
    <xf numFmtId="0" fontId="11" fillId="24" borderId="43" xfId="0" applyFont="1" applyFill="1" applyBorder="1" applyAlignment="1" applyProtection="1">
      <alignment horizontal="left" vertical="center" wrapText="1"/>
      <protection locked="0"/>
    </xf>
    <xf numFmtId="0" fontId="11" fillId="24" borderId="15" xfId="0" applyFont="1" applyFill="1" applyBorder="1" applyAlignment="1" applyProtection="1">
      <alignment horizontal="left" vertical="center" wrapText="1"/>
      <protection locked="0"/>
    </xf>
    <xf numFmtId="0" fontId="11" fillId="24" borderId="10" xfId="0" applyFont="1" applyFill="1" applyBorder="1" applyAlignment="1" applyProtection="1">
      <alignment horizontal="left" vertical="center"/>
      <protection locked="0"/>
    </xf>
    <xf numFmtId="0" fontId="0" fillId="24" borderId="10" xfId="0" applyFill="1" applyBorder="1" applyAlignment="1" applyProtection="1">
      <alignment horizontal="left" vertical="center"/>
      <protection locked="0"/>
    </xf>
    <xf numFmtId="0" fontId="0" fillId="24" borderId="44" xfId="0" applyFill="1" applyBorder="1" applyAlignment="1" applyProtection="1">
      <alignment horizontal="left" vertical="center"/>
      <protection locked="0"/>
    </xf>
    <xf numFmtId="0" fontId="0" fillId="24" borderId="15" xfId="0" applyFill="1" applyBorder="1" applyAlignment="1" applyProtection="1">
      <alignment horizontal="left" vertical="center"/>
      <protection locked="0"/>
    </xf>
    <xf numFmtId="0" fontId="0" fillId="24" borderId="45" xfId="0" applyFill="1" applyBorder="1" applyAlignment="1" applyProtection="1">
      <alignment horizontal="left" vertical="center"/>
      <protection locked="0"/>
    </xf>
    <xf numFmtId="0" fontId="11" fillId="0" borderId="30" xfId="0" applyFont="1" applyBorder="1" applyAlignment="1">
      <alignment horizontal="center" vertical="center"/>
    </xf>
    <xf numFmtId="0" fontId="11" fillId="24" borderId="24" xfId="0" applyFont="1" applyFill="1" applyBorder="1" applyProtection="1">
      <alignment vertical="center"/>
      <protection locked="0"/>
    </xf>
    <xf numFmtId="0" fontId="11" fillId="24" borderId="46" xfId="0" applyFont="1" applyFill="1" applyBorder="1" applyAlignment="1" applyProtection="1">
      <alignment horizontal="left" vertical="center" wrapText="1"/>
      <protection locked="0"/>
    </xf>
    <xf numFmtId="0" fontId="11" fillId="24" borderId="47" xfId="0" applyFont="1" applyFill="1" applyBorder="1" applyAlignment="1" applyProtection="1">
      <alignment horizontal="left" vertical="center" wrapText="1"/>
      <protection locked="0"/>
    </xf>
    <xf numFmtId="0" fontId="11" fillId="24" borderId="48" xfId="0" applyFont="1" applyFill="1" applyBorder="1" applyAlignment="1" applyProtection="1">
      <alignment horizontal="left" vertical="center" wrapText="1"/>
      <protection locked="0"/>
    </xf>
    <xf numFmtId="0" fontId="11" fillId="24" borderId="49" xfId="0" applyFont="1" applyFill="1" applyBorder="1" applyAlignment="1" applyProtection="1">
      <alignment horizontal="left" vertical="center"/>
      <protection locked="0"/>
    </xf>
    <xf numFmtId="0" fontId="0" fillId="24" borderId="49" xfId="0" applyFill="1" applyBorder="1" applyAlignment="1" applyProtection="1">
      <alignment horizontal="left" vertical="center"/>
      <protection locked="0"/>
    </xf>
    <xf numFmtId="0" fontId="0" fillId="24" borderId="50" xfId="0" applyFill="1" applyBorder="1" applyAlignment="1" applyProtection="1">
      <alignment horizontal="left" vertical="center"/>
      <protection locked="0"/>
    </xf>
    <xf numFmtId="0" fontId="0" fillId="24" borderId="48" xfId="0" applyFill="1" applyBorder="1" applyAlignment="1" applyProtection="1">
      <alignment horizontal="left" vertical="center"/>
      <protection locked="0"/>
    </xf>
    <xf numFmtId="0" fontId="0" fillId="24" borderId="51" xfId="0" applyFill="1" applyBorder="1" applyAlignment="1" applyProtection="1">
      <alignment horizontal="left" vertical="center"/>
      <protection locked="0"/>
    </xf>
    <xf numFmtId="0" fontId="11" fillId="0" borderId="0" xfId="0" applyFont="1" applyAlignment="1">
      <alignment horizontal="center" vertical="center" wrapText="1"/>
    </xf>
    <xf numFmtId="0" fontId="11" fillId="24" borderId="37" xfId="0" applyFont="1" applyFill="1" applyBorder="1" applyAlignment="1" applyProtection="1">
      <alignment vertical="center" wrapText="1"/>
      <protection locked="0"/>
    </xf>
    <xf numFmtId="0" fontId="11" fillId="0" borderId="44" xfId="0" applyFont="1" applyBorder="1" applyAlignment="1">
      <alignment horizontal="center" vertical="center"/>
    </xf>
    <xf numFmtId="0" fontId="11" fillId="0" borderId="52" xfId="0" applyFont="1" applyBorder="1" applyAlignment="1">
      <alignment horizontal="center" vertical="center"/>
    </xf>
    <xf numFmtId="0" fontId="11" fillId="24" borderId="53" xfId="0" applyFont="1" applyFill="1" applyBorder="1" applyAlignment="1" applyProtection="1">
      <alignment vertical="center" wrapText="1"/>
      <protection locked="0"/>
    </xf>
    <xf numFmtId="0" fontId="11" fillId="24" borderId="49" xfId="0" applyFont="1" applyFill="1" applyBorder="1" applyAlignment="1" applyProtection="1">
      <alignment vertical="center" wrapText="1"/>
      <protection locked="0"/>
    </xf>
    <xf numFmtId="0" fontId="11" fillId="24" borderId="51" xfId="0" applyFont="1" applyFill="1" applyBorder="1" applyAlignment="1" applyProtection="1">
      <alignment vertical="center" wrapText="1"/>
      <protection locked="0"/>
    </xf>
    <xf numFmtId="0" fontId="11" fillId="27" borderId="14" xfId="0" applyFont="1" applyFill="1" applyBorder="1" applyAlignment="1">
      <alignment horizontal="center" vertical="center" wrapText="1"/>
    </xf>
    <xf numFmtId="0" fontId="11" fillId="27" borderId="14" xfId="0" applyFont="1" applyFill="1" applyBorder="1" applyAlignment="1">
      <alignment horizontal="center" vertical="center"/>
    </xf>
    <xf numFmtId="0" fontId="11" fillId="27" borderId="54" xfId="0" applyFont="1" applyFill="1" applyBorder="1" applyAlignment="1">
      <alignment horizontal="center" vertical="center" wrapText="1"/>
    </xf>
    <xf numFmtId="0" fontId="33" fillId="0" borderId="0" xfId="0" applyFont="1" applyAlignment="1">
      <alignment horizontal="center" vertical="center"/>
    </xf>
    <xf numFmtId="176" fontId="11" fillId="0" borderId="0" xfId="0" applyNumberFormat="1" applyFont="1">
      <alignment vertical="center"/>
    </xf>
    <xf numFmtId="0" fontId="34" fillId="27" borderId="0" xfId="0" applyFont="1" applyFill="1" applyAlignment="1">
      <alignment horizontal="left" vertical="center" wrapText="1"/>
    </xf>
    <xf numFmtId="0" fontId="36" fillId="0" borderId="0" xfId="0" applyFont="1">
      <alignment vertical="center"/>
    </xf>
    <xf numFmtId="0" fontId="37" fillId="0" borderId="0" xfId="0" applyFont="1">
      <alignment vertical="center"/>
    </xf>
    <xf numFmtId="0" fontId="27" fillId="27" borderId="0" xfId="0" applyFont="1" applyFill="1">
      <alignment vertical="center"/>
    </xf>
    <xf numFmtId="0" fontId="0" fillId="27" borderId="0" xfId="0" applyFill="1">
      <alignment vertical="center"/>
    </xf>
    <xf numFmtId="0" fontId="38" fillId="27" borderId="0" xfId="0" applyFont="1" applyFill="1" applyAlignment="1">
      <alignment horizontal="center" vertical="center" wrapText="1" shrinkToFit="1"/>
    </xf>
    <xf numFmtId="0" fontId="34" fillId="27" borderId="0" xfId="0" applyFont="1" applyFill="1">
      <alignment vertical="center"/>
    </xf>
    <xf numFmtId="0" fontId="30" fillId="27" borderId="55" xfId="0" applyFont="1" applyFill="1" applyBorder="1" applyAlignment="1">
      <alignment horizontal="center" vertical="center"/>
    </xf>
    <xf numFmtId="0" fontId="30" fillId="27" borderId="56" xfId="0" applyFont="1" applyFill="1" applyBorder="1" applyAlignment="1">
      <alignment horizontal="center" vertical="center"/>
    </xf>
    <xf numFmtId="0" fontId="30" fillId="27" borderId="44" xfId="0" applyFont="1" applyFill="1" applyBorder="1" applyAlignment="1">
      <alignment horizontal="center" vertical="center" wrapText="1"/>
    </xf>
    <xf numFmtId="0" fontId="30" fillId="27" borderId="57" xfId="0" applyFont="1" applyFill="1" applyBorder="1" applyAlignment="1">
      <alignment horizontal="center" vertical="center" wrapText="1"/>
    </xf>
    <xf numFmtId="0" fontId="30" fillId="27" borderId="15" xfId="0" applyFont="1" applyFill="1" applyBorder="1" applyAlignment="1">
      <alignment horizontal="center" vertical="center" wrapText="1"/>
    </xf>
    <xf numFmtId="0" fontId="30" fillId="27" borderId="14" xfId="0" applyFont="1" applyFill="1" applyBorder="1" applyAlignment="1">
      <alignment horizontal="center" vertical="center"/>
    </xf>
    <xf numFmtId="0" fontId="36" fillId="27" borderId="0" xfId="0" applyFont="1" applyFill="1" applyAlignment="1">
      <alignment horizontal="center" vertical="center"/>
    </xf>
    <xf numFmtId="0" fontId="34" fillId="27" borderId="0" xfId="0" applyFont="1" applyFill="1" applyAlignment="1">
      <alignment horizontal="left" vertical="center"/>
    </xf>
    <xf numFmtId="0" fontId="30" fillId="0" borderId="44" xfId="0" applyFont="1" applyBorder="1" applyAlignment="1">
      <alignment horizontal="left" vertical="center"/>
    </xf>
    <xf numFmtId="0" fontId="30" fillId="27" borderId="44" xfId="0" applyFont="1" applyFill="1" applyBorder="1" applyAlignment="1">
      <alignment horizontal="left" vertical="center" wrapText="1" shrinkToFit="1"/>
    </xf>
    <xf numFmtId="0" fontId="30" fillId="27" borderId="52" xfId="0" applyFont="1" applyFill="1" applyBorder="1" applyAlignment="1">
      <alignment horizontal="left" vertical="center" wrapText="1" shrinkToFit="1"/>
    </xf>
    <xf numFmtId="0" fontId="30" fillId="27" borderId="15" xfId="0" applyFont="1" applyFill="1" applyBorder="1" applyAlignment="1">
      <alignment horizontal="left" vertical="center" wrapText="1" shrinkToFit="1"/>
    </xf>
    <xf numFmtId="0" fontId="30" fillId="27" borderId="0" xfId="0" applyFont="1" applyFill="1" applyAlignment="1">
      <alignment horizontal="left" vertical="center"/>
    </xf>
    <xf numFmtId="0" fontId="30" fillId="27" borderId="10" xfId="0" applyFont="1" applyFill="1" applyBorder="1" applyAlignment="1">
      <alignment horizontal="center" vertical="center"/>
    </xf>
    <xf numFmtId="0" fontId="39" fillId="28" borderId="10" xfId="0" applyFont="1" applyFill="1" applyBorder="1" applyAlignment="1" applyProtection="1">
      <alignment horizontal="left" vertical="center" wrapText="1"/>
      <protection locked="0"/>
    </xf>
    <xf numFmtId="0" fontId="39" fillId="27" borderId="0" xfId="0" applyFont="1" applyFill="1" applyAlignment="1">
      <alignment horizontal="left" vertical="top" wrapText="1"/>
    </xf>
    <xf numFmtId="0" fontId="40" fillId="27" borderId="0" xfId="0" applyFont="1" applyFill="1" applyAlignment="1">
      <alignment horizontal="left" vertical="center" wrapText="1"/>
    </xf>
    <xf numFmtId="0" fontId="23" fillId="27" borderId="0" xfId="0" applyFont="1" applyFill="1" applyAlignment="1">
      <alignment horizontal="left" vertical="center"/>
    </xf>
    <xf numFmtId="0" fontId="41" fillId="28" borderId="58" xfId="0" applyFont="1" applyFill="1" applyBorder="1" applyAlignment="1" applyProtection="1">
      <alignment horizontal="center" vertical="center" wrapText="1"/>
      <protection locked="0"/>
    </xf>
    <xf numFmtId="0" fontId="39" fillId="27" borderId="0" xfId="0" applyFont="1" applyFill="1" applyAlignment="1">
      <alignment horizontal="left" vertical="top"/>
    </xf>
    <xf numFmtId="0" fontId="39" fillId="0" borderId="10" xfId="0" applyFont="1" applyBorder="1" applyAlignment="1" applyProtection="1">
      <alignment horizontal="left" vertical="top" wrapText="1"/>
      <protection locked="0"/>
    </xf>
    <xf numFmtId="0" fontId="23" fillId="0" borderId="59" xfId="0" applyFont="1" applyBorder="1" applyAlignment="1">
      <alignment horizontal="left" vertical="center"/>
    </xf>
    <xf numFmtId="49" fontId="0" fillId="27" borderId="60" xfId="0" applyNumberFormat="1" applyFill="1" applyBorder="1">
      <alignment vertical="center"/>
    </xf>
    <xf numFmtId="0" fontId="42" fillId="27" borderId="61" xfId="0" applyFont="1" applyFill="1" applyBorder="1" applyAlignment="1">
      <alignment vertical="center" wrapText="1"/>
    </xf>
    <xf numFmtId="0" fontId="42" fillId="27" borderId="61" xfId="0" applyFont="1" applyFill="1" applyBorder="1">
      <alignment vertical="center"/>
    </xf>
    <xf numFmtId="0" fontId="0" fillId="27" borderId="62" xfId="0" applyFill="1" applyBorder="1">
      <alignment vertical="center"/>
    </xf>
    <xf numFmtId="0" fontId="39" fillId="27" borderId="63" xfId="0" applyFont="1" applyFill="1" applyBorder="1" applyAlignment="1">
      <alignment horizontal="left" vertical="top" wrapText="1"/>
    </xf>
    <xf numFmtId="0" fontId="0" fillId="27" borderId="0" xfId="0" applyFill="1" applyAlignment="1">
      <alignment horizontal="center" vertical="center"/>
    </xf>
    <xf numFmtId="0" fontId="43" fillId="27" borderId="0" xfId="0" applyFont="1" applyFill="1">
      <alignment vertical="center"/>
    </xf>
    <xf numFmtId="0" fontId="36" fillId="27" borderId="0" xfId="0" applyFont="1" applyFill="1">
      <alignment vertical="center"/>
    </xf>
    <xf numFmtId="0" fontId="36" fillId="29" borderId="10" xfId="0" applyFont="1" applyFill="1" applyBorder="1" applyAlignment="1">
      <alignment horizontal="left" vertical="center"/>
    </xf>
    <xf numFmtId="0" fontId="41" fillId="0" borderId="64" xfId="0" quotePrefix="1" applyFont="1" applyBorder="1" applyAlignment="1">
      <alignment horizontal="left" vertical="center"/>
    </xf>
    <xf numFmtId="0" fontId="41" fillId="0" borderId="65" xfId="0" applyFont="1" applyBorder="1" applyAlignment="1">
      <alignment horizontal="left" vertical="center"/>
    </xf>
    <xf numFmtId="0" fontId="0" fillId="27" borderId="0" xfId="0" applyFill="1" applyAlignment="1">
      <alignment horizontal="left" vertical="center"/>
    </xf>
    <xf numFmtId="0" fontId="41" fillId="0" borderId="15" xfId="0" applyFont="1" applyBorder="1" applyAlignment="1">
      <alignment horizontal="left" vertical="center"/>
    </xf>
    <xf numFmtId="0" fontId="41" fillId="27" borderId="0" xfId="0" applyFont="1" applyFill="1" applyAlignment="1">
      <alignment horizontal="left" vertical="center"/>
    </xf>
    <xf numFmtId="0" fontId="41" fillId="0" borderId="15" xfId="0" quotePrefix="1" applyFont="1" applyBorder="1" applyAlignment="1">
      <alignment horizontal="left" vertical="center"/>
    </xf>
    <xf numFmtId="0" fontId="0" fillId="0" borderId="0" xfId="0" applyAlignment="1">
      <alignment horizontal="center" vertical="center"/>
    </xf>
    <xf numFmtId="0" fontId="11" fillId="27" borderId="0" xfId="0" applyFont="1" applyFill="1">
      <alignment vertical="center"/>
    </xf>
    <xf numFmtId="0" fontId="30" fillId="27" borderId="0" xfId="0" applyFont="1" applyFill="1" applyAlignment="1">
      <alignment horizontal="left" vertical="center" wrapText="1" shrinkToFit="1"/>
    </xf>
    <xf numFmtId="0" fontId="30" fillId="27" borderId="66" xfId="0" applyFont="1" applyFill="1" applyBorder="1" applyAlignment="1">
      <alignment horizontal="left" vertical="center" wrapText="1" shrinkToFit="1"/>
    </xf>
    <xf numFmtId="0" fontId="39" fillId="27" borderId="0" xfId="0" applyFont="1" applyFill="1" applyAlignment="1">
      <alignment horizontal="left" vertical="center" wrapText="1"/>
    </xf>
    <xf numFmtId="0" fontId="40" fillId="0" borderId="21" xfId="0" applyFont="1" applyBorder="1" applyAlignment="1">
      <alignment horizontal="left" vertical="center" wrapText="1"/>
    </xf>
    <xf numFmtId="0" fontId="0" fillId="27" borderId="63" xfId="0" applyFill="1" applyBorder="1">
      <alignment vertical="center"/>
    </xf>
    <xf numFmtId="0" fontId="41" fillId="27" borderId="0" xfId="0" applyFont="1" applyFill="1">
      <alignment vertical="center"/>
    </xf>
    <xf numFmtId="0" fontId="44" fillId="27" borderId="0" xfId="0" applyFont="1" applyFill="1">
      <alignment vertical="center"/>
    </xf>
    <xf numFmtId="0" fontId="45" fillId="27" borderId="0" xfId="0" applyFont="1" applyFill="1">
      <alignment vertical="center"/>
    </xf>
    <xf numFmtId="0" fontId="42" fillId="27" borderId="59" xfId="0" applyFont="1" applyFill="1" applyBorder="1">
      <alignment vertical="center"/>
    </xf>
    <xf numFmtId="0" fontId="42" fillId="27" borderId="0" xfId="0" applyFont="1" applyFill="1">
      <alignment vertical="center"/>
    </xf>
    <xf numFmtId="0" fontId="41" fillId="0" borderId="67" xfId="0" applyFont="1" applyBorder="1" applyAlignment="1">
      <alignment horizontal="left" vertical="center"/>
    </xf>
    <xf numFmtId="0" fontId="41" fillId="0" borderId="68" xfId="0" applyFont="1" applyBorder="1" applyAlignment="1">
      <alignment horizontal="left" vertical="center"/>
    </xf>
    <xf numFmtId="0" fontId="40" fillId="0" borderId="17" xfId="0" applyFont="1" applyBorder="1" applyAlignment="1">
      <alignment horizontal="left" vertical="center" wrapText="1"/>
    </xf>
    <xf numFmtId="0" fontId="42" fillId="27" borderId="0" xfId="0" applyFont="1" applyFill="1" applyAlignment="1">
      <alignment vertical="center" wrapText="1"/>
    </xf>
    <xf numFmtId="0" fontId="0" fillId="27" borderId="59" xfId="0" applyFill="1" applyBorder="1">
      <alignment vertical="center"/>
    </xf>
    <xf numFmtId="0" fontId="42" fillId="27" borderId="0" xfId="0" applyFont="1" applyFill="1" applyAlignment="1">
      <alignment horizontal="left" vertical="center" wrapText="1"/>
    </xf>
    <xf numFmtId="0" fontId="44" fillId="27" borderId="0" xfId="0" applyFont="1" applyFill="1" applyAlignment="1">
      <alignment horizontal="center" vertical="center"/>
    </xf>
    <xf numFmtId="0" fontId="30" fillId="27" borderId="57" xfId="0" applyFont="1" applyFill="1" applyBorder="1">
      <alignment vertical="center"/>
    </xf>
    <xf numFmtId="0" fontId="30" fillId="27" borderId="56" xfId="0" applyFont="1" applyFill="1" applyBorder="1" applyAlignment="1">
      <alignment vertical="center" wrapText="1"/>
    </xf>
    <xf numFmtId="0" fontId="30" fillId="27" borderId="52" xfId="0" applyFont="1" applyFill="1" applyBorder="1">
      <alignment vertical="center"/>
    </xf>
    <xf numFmtId="0" fontId="30" fillId="27" borderId="15" xfId="0" applyFont="1" applyFill="1" applyBorder="1">
      <alignment vertical="center"/>
    </xf>
    <xf numFmtId="0" fontId="30" fillId="27" borderId="12" xfId="0" applyFont="1" applyFill="1" applyBorder="1" applyAlignment="1">
      <alignment horizontal="center" vertical="center"/>
    </xf>
    <xf numFmtId="0" fontId="44" fillId="28" borderId="41" xfId="0" applyFont="1" applyFill="1" applyBorder="1" applyAlignment="1" applyProtection="1">
      <alignment horizontal="center" vertical="center"/>
      <protection locked="0"/>
    </xf>
    <xf numFmtId="0" fontId="30" fillId="27" borderId="69" xfId="0" applyFont="1" applyFill="1" applyBorder="1">
      <alignment vertical="center"/>
    </xf>
    <xf numFmtId="0" fontId="44" fillId="28" borderId="58" xfId="0" applyFont="1" applyFill="1" applyBorder="1" applyAlignment="1" applyProtection="1">
      <alignment horizontal="center" vertical="center"/>
      <protection locked="0"/>
    </xf>
    <xf numFmtId="0" fontId="30" fillId="27" borderId="14" xfId="0" applyFont="1" applyFill="1" applyBorder="1" applyAlignment="1">
      <alignment horizontal="center" vertical="center" shrinkToFit="1"/>
    </xf>
    <xf numFmtId="0" fontId="36" fillId="27" borderId="0" xfId="0" applyFont="1" applyFill="1" applyAlignment="1">
      <alignment vertical="center" shrinkToFit="1"/>
    </xf>
    <xf numFmtId="0" fontId="39" fillId="27" borderId="0" xfId="0" applyFont="1" applyFill="1" applyAlignment="1">
      <alignment horizontal="left" vertical="center"/>
    </xf>
    <xf numFmtId="0" fontId="41" fillId="27" borderId="70" xfId="0" applyFont="1" applyFill="1" applyBorder="1" applyAlignment="1">
      <alignment horizontal="left" vertical="center"/>
    </xf>
    <xf numFmtId="0" fontId="41" fillId="27" borderId="71" xfId="0" applyFont="1" applyFill="1" applyBorder="1" applyAlignment="1">
      <alignment horizontal="left" vertical="center"/>
    </xf>
    <xf numFmtId="0" fontId="41" fillId="27" borderId="68" xfId="0" applyFont="1" applyFill="1" applyBorder="1" applyAlignment="1">
      <alignment horizontal="left" vertical="center"/>
    </xf>
    <xf numFmtId="0" fontId="30" fillId="27" borderId="10" xfId="0" applyFont="1" applyFill="1" applyBorder="1">
      <alignment vertical="center"/>
    </xf>
    <xf numFmtId="0" fontId="39" fillId="28" borderId="10" xfId="0" applyFont="1" applyFill="1" applyBorder="1" applyAlignment="1" applyProtection="1">
      <alignment horizontal="center" vertical="center" shrinkToFit="1"/>
      <protection locked="0"/>
    </xf>
    <xf numFmtId="0" fontId="44" fillId="27" borderId="0" xfId="0" applyFont="1" applyFill="1" applyAlignment="1">
      <alignment vertical="center" wrapText="1"/>
    </xf>
    <xf numFmtId="0" fontId="30" fillId="27" borderId="17" xfId="0" applyFont="1" applyFill="1" applyBorder="1">
      <alignment vertical="center"/>
    </xf>
    <xf numFmtId="0" fontId="44" fillId="27" borderId="0" xfId="0" applyFont="1" applyFill="1" applyAlignment="1">
      <alignment horizontal="center" vertical="center" wrapText="1"/>
    </xf>
    <xf numFmtId="0" fontId="44" fillId="27" borderId="0" xfId="0" applyFont="1" applyFill="1" applyAlignment="1">
      <alignment horizontal="left" vertical="center" shrinkToFit="1"/>
    </xf>
    <xf numFmtId="0" fontId="46" fillId="27" borderId="0" xfId="0" applyFont="1" applyFill="1" applyAlignment="1">
      <alignment horizontal="center" vertical="center"/>
    </xf>
    <xf numFmtId="176" fontId="41" fillId="27" borderId="0" xfId="0" applyNumberFormat="1" applyFont="1" applyFill="1">
      <alignment vertical="center"/>
    </xf>
    <xf numFmtId="0" fontId="44" fillId="27" borderId="0" xfId="0" applyFont="1" applyFill="1" applyAlignment="1">
      <alignment vertical="center" shrinkToFit="1"/>
    </xf>
    <xf numFmtId="0" fontId="46" fillId="27" borderId="0" xfId="0" applyFont="1" applyFill="1" applyAlignment="1">
      <alignment horizontal="center" vertical="center" shrinkToFit="1"/>
    </xf>
    <xf numFmtId="0" fontId="27" fillId="27" borderId="41" xfId="0" applyFont="1" applyFill="1" applyBorder="1" applyAlignment="1">
      <alignment horizontal="center" vertical="center"/>
    </xf>
    <xf numFmtId="176" fontId="30" fillId="0" borderId="11" xfId="0" quotePrefix="1" applyNumberFormat="1" applyFont="1" applyBorder="1" applyAlignment="1">
      <alignment horizontal="right" vertical="center"/>
    </xf>
    <xf numFmtId="176" fontId="30" fillId="28" borderId="14" xfId="0" applyNumberFormat="1" applyFont="1" applyFill="1" applyBorder="1" applyProtection="1">
      <alignment vertical="center"/>
      <protection locked="0"/>
    </xf>
    <xf numFmtId="176" fontId="30" fillId="0" borderId="14" xfId="0" applyNumberFormat="1" applyFont="1" applyBorder="1" applyProtection="1">
      <alignment vertical="center"/>
      <protection locked="0"/>
    </xf>
    <xf numFmtId="0" fontId="39" fillId="0" borderId="0" xfId="0" applyFont="1" applyAlignment="1">
      <alignment horizontal="left" vertical="top" wrapText="1"/>
    </xf>
    <xf numFmtId="176" fontId="30" fillId="28" borderId="30" xfId="0" applyNumberFormat="1" applyFont="1" applyFill="1" applyBorder="1" applyProtection="1">
      <alignment vertical="center"/>
      <protection locked="0"/>
    </xf>
    <xf numFmtId="0" fontId="27" fillId="27" borderId="42" xfId="0" applyFont="1" applyFill="1" applyBorder="1" applyAlignment="1">
      <alignment horizontal="center" vertical="center"/>
    </xf>
    <xf numFmtId="0" fontId="36" fillId="0" borderId="30" xfId="0" applyFont="1" applyBorder="1" applyAlignment="1">
      <alignment horizontal="center" vertical="center"/>
    </xf>
    <xf numFmtId="0" fontId="30" fillId="0" borderId="30" xfId="0" applyFont="1" applyBorder="1" applyAlignment="1">
      <alignment horizontal="center" vertical="center"/>
    </xf>
    <xf numFmtId="0" fontId="41" fillId="27" borderId="0" xfId="0" applyFont="1" applyFill="1" applyAlignment="1">
      <alignment horizontal="center" vertical="center"/>
    </xf>
    <xf numFmtId="0" fontId="40" fillId="0" borderId="30" xfId="0" applyFont="1" applyBorder="1" applyAlignment="1">
      <alignment horizontal="left" vertical="center" wrapText="1"/>
    </xf>
    <xf numFmtId="0" fontId="27" fillId="27" borderId="72" xfId="0" applyFont="1" applyFill="1" applyBorder="1" applyAlignment="1">
      <alignment horizontal="center" vertical="center"/>
    </xf>
    <xf numFmtId="0" fontId="34" fillId="30" borderId="58" xfId="0" applyFont="1" applyFill="1" applyBorder="1" applyAlignment="1">
      <alignment horizontal="center" vertical="center"/>
    </xf>
    <xf numFmtId="0" fontId="47" fillId="27" borderId="0" xfId="0" applyFont="1" applyFill="1" applyAlignment="1">
      <alignment vertical="center" shrinkToFit="1"/>
    </xf>
    <xf numFmtId="0" fontId="34" fillId="30" borderId="73" xfId="0" applyFont="1" applyFill="1" applyBorder="1" applyAlignment="1">
      <alignment horizontal="center" vertical="center"/>
    </xf>
    <xf numFmtId="0" fontId="34" fillId="30" borderId="74" xfId="0" applyFont="1" applyFill="1" applyBorder="1" applyAlignment="1">
      <alignment horizontal="center" vertical="center"/>
    </xf>
    <xf numFmtId="0" fontId="39" fillId="0" borderId="14" xfId="0" applyFont="1" applyBorder="1" applyAlignment="1" applyProtection="1">
      <alignment horizontal="left" vertical="top" wrapText="1"/>
      <protection locked="0"/>
    </xf>
    <xf numFmtId="177" fontId="12" fillId="27" borderId="0" xfId="0" applyNumberFormat="1" applyFont="1" applyFill="1" applyAlignment="1">
      <alignment horizontal="center" vertical="center"/>
    </xf>
    <xf numFmtId="0" fontId="0" fillId="27" borderId="75" xfId="0" applyFill="1" applyBorder="1">
      <alignment vertical="center"/>
    </xf>
    <xf numFmtId="0" fontId="42" fillId="27" borderId="76" xfId="0" applyFont="1" applyFill="1" applyBorder="1" applyAlignment="1">
      <alignment vertical="center" wrapText="1"/>
    </xf>
    <xf numFmtId="0" fontId="48" fillId="27" borderId="76" xfId="0" applyFont="1" applyFill="1" applyBorder="1" applyAlignment="1">
      <alignment horizontal="left" vertical="center"/>
    </xf>
    <xf numFmtId="0" fontId="37" fillId="27" borderId="76" xfId="0" applyFont="1" applyFill="1" applyBorder="1" applyAlignment="1">
      <alignment horizontal="center" vertical="center"/>
    </xf>
    <xf numFmtId="0" fontId="0" fillId="27" borderId="77" xfId="0" applyFill="1" applyBorder="1">
      <alignment vertical="center"/>
    </xf>
    <xf numFmtId="0" fontId="30" fillId="27" borderId="78" xfId="0" applyFont="1" applyFill="1" applyBorder="1">
      <alignment vertical="center"/>
    </xf>
    <xf numFmtId="0" fontId="30" fillId="27" borderId="79" xfId="0" applyFont="1" applyFill="1" applyBorder="1" applyAlignment="1">
      <alignment vertical="center" wrapText="1"/>
    </xf>
    <xf numFmtId="0" fontId="30" fillId="27" borderId="30" xfId="0" applyFont="1" applyFill="1" applyBorder="1">
      <alignment vertical="center"/>
    </xf>
    <xf numFmtId="0" fontId="30" fillId="27" borderId="13" xfId="0" applyFont="1" applyFill="1" applyBorder="1">
      <alignment vertical="center"/>
    </xf>
    <xf numFmtId="0" fontId="30" fillId="27" borderId="12" xfId="0" applyFont="1" applyFill="1" applyBorder="1">
      <alignment vertical="center"/>
    </xf>
    <xf numFmtId="0" fontId="34" fillId="27" borderId="0" xfId="0" applyFont="1" applyFill="1" applyAlignment="1">
      <alignment horizontal="center" vertical="center"/>
    </xf>
    <xf numFmtId="0" fontId="30" fillId="27" borderId="0" xfId="0" applyFont="1" applyFill="1" applyAlignment="1">
      <alignment horizontal="center" vertical="center"/>
    </xf>
    <xf numFmtId="0" fontId="39" fillId="27" borderId="0" xfId="0" applyFont="1" applyFill="1" applyAlignment="1">
      <alignment vertical="top" wrapText="1"/>
    </xf>
    <xf numFmtId="0" fontId="37" fillId="27" borderId="0" xfId="0" applyFont="1" applyFill="1">
      <alignment vertical="center"/>
    </xf>
    <xf numFmtId="0" fontId="39" fillId="27" borderId="0" xfId="0" applyFont="1" applyFill="1" applyAlignment="1">
      <alignment vertical="top"/>
    </xf>
    <xf numFmtId="0" fontId="36" fillId="29" borderId="14" xfId="0" applyFont="1" applyFill="1" applyBorder="1" applyAlignment="1">
      <alignment horizontal="left" vertical="center"/>
    </xf>
    <xf numFmtId="0" fontId="49" fillId="30" borderId="12" xfId="0" applyFont="1" applyFill="1" applyBorder="1" applyAlignment="1">
      <alignment horizontal="left" vertical="center"/>
    </xf>
    <xf numFmtId="0" fontId="49" fillId="30" borderId="14" xfId="0" applyFont="1" applyFill="1" applyBorder="1" applyAlignment="1">
      <alignment horizontal="left" vertical="center"/>
    </xf>
    <xf numFmtId="0" fontId="49" fillId="27" borderId="0" xfId="0" applyFont="1" applyFill="1" applyAlignment="1">
      <alignment horizontal="left" vertical="center"/>
    </xf>
    <xf numFmtId="0" fontId="34" fillId="0" borderId="41" xfId="0" applyFont="1" applyBorder="1" applyAlignment="1">
      <alignment horizontal="left" vertical="center"/>
    </xf>
    <xf numFmtId="0" fontId="47" fillId="0" borderId="0" xfId="0" applyFont="1" applyAlignment="1">
      <alignment vertical="center" shrinkToFit="1"/>
    </xf>
    <xf numFmtId="0" fontId="34" fillId="0" borderId="41" xfId="0" applyFont="1" applyBorder="1" applyAlignment="1">
      <alignment horizontal="left" vertical="center" shrinkToFit="1"/>
    </xf>
    <xf numFmtId="0" fontId="34" fillId="27" borderId="41" xfId="0" applyFont="1" applyFill="1" applyBorder="1" applyAlignment="1">
      <alignment horizontal="left" vertical="center" wrapText="1"/>
    </xf>
    <xf numFmtId="0" fontId="34" fillId="0" borderId="42" xfId="0" applyFont="1" applyBorder="1" applyAlignment="1">
      <alignment horizontal="left" vertical="center" shrinkToFit="1"/>
    </xf>
    <xf numFmtId="0" fontId="0" fillId="0" borderId="0" xfId="0" applyProtection="1">
      <alignment vertical="center"/>
      <protection locked="0"/>
    </xf>
    <xf numFmtId="0" fontId="0" fillId="28" borderId="0" xfId="0" applyFill="1">
      <alignment vertical="center"/>
    </xf>
    <xf numFmtId="0" fontId="50" fillId="0" borderId="0" xfId="0" applyFont="1">
      <alignment vertical="center"/>
    </xf>
    <xf numFmtId="0" fontId="51" fillId="0" borderId="0" xfId="0" applyFont="1">
      <alignment vertical="center"/>
    </xf>
    <xf numFmtId="0" fontId="34" fillId="0" borderId="58" xfId="0" applyFont="1" applyBorder="1" applyAlignment="1">
      <alignment horizontal="left" vertical="center"/>
    </xf>
    <xf numFmtId="0" fontId="34" fillId="0" borderId="72" xfId="0" applyFont="1" applyBorder="1" applyAlignment="1">
      <alignment horizontal="left" vertical="center" shrinkToFit="1"/>
    </xf>
    <xf numFmtId="0" fontId="0" fillId="0" borderId="0" xfId="0" applyAlignment="1">
      <alignment vertical="center" wrapText="1"/>
    </xf>
    <xf numFmtId="0" fontId="33" fillId="27" borderId="0" xfId="0" applyFont="1" applyFill="1">
      <alignment vertical="center"/>
    </xf>
    <xf numFmtId="0" fontId="25" fillId="27" borderId="14" xfId="0" applyFont="1" applyFill="1" applyBorder="1" applyAlignment="1">
      <alignment horizontal="center" vertical="center"/>
    </xf>
    <xf numFmtId="0" fontId="25" fillId="27" borderId="0" xfId="0" applyFont="1" applyFill="1" applyAlignment="1">
      <alignment horizontal="center" vertical="center"/>
    </xf>
    <xf numFmtId="0" fontId="11" fillId="27" borderId="44" xfId="0" applyFont="1" applyFill="1" applyBorder="1" applyAlignment="1">
      <alignment horizontal="center" vertical="center"/>
    </xf>
    <xf numFmtId="0" fontId="11" fillId="27" borderId="15" xfId="0" applyFont="1" applyFill="1" applyBorder="1" applyAlignment="1">
      <alignment horizontal="center" vertical="center"/>
    </xf>
    <xf numFmtId="0" fontId="0" fillId="27" borderId="19" xfId="0" applyFill="1" applyBorder="1" applyAlignment="1">
      <alignment horizontal="center" vertical="center" textRotation="255" wrapText="1"/>
    </xf>
    <xf numFmtId="0" fontId="0" fillId="27" borderId="20" xfId="0" applyFill="1" applyBorder="1" applyAlignment="1">
      <alignment horizontal="center" vertical="center" textRotation="255" wrapText="1"/>
    </xf>
    <xf numFmtId="0" fontId="0" fillId="27" borderId="36" xfId="0" applyFill="1" applyBorder="1" applyAlignment="1">
      <alignment horizontal="center" vertical="center" textRotation="255" wrapText="1"/>
    </xf>
    <xf numFmtId="0" fontId="25" fillId="0" borderId="19" xfId="0" applyFont="1" applyBorder="1" applyAlignment="1">
      <alignment vertical="center" wrapText="1"/>
    </xf>
    <xf numFmtId="0" fontId="25" fillId="0" borderId="20" xfId="0" applyFont="1" applyBorder="1" applyAlignment="1">
      <alignment vertical="center" wrapText="1"/>
    </xf>
    <xf numFmtId="0" fontId="25" fillId="0" borderId="36" xfId="0" applyFont="1" applyBorder="1" applyAlignment="1">
      <alignment vertical="center" wrapText="1"/>
    </xf>
    <xf numFmtId="0" fontId="38" fillId="27" borderId="0" xfId="0" applyFont="1" applyFill="1">
      <alignment vertical="center"/>
    </xf>
    <xf numFmtId="0" fontId="25" fillId="27" borderId="10" xfId="0" applyFont="1" applyFill="1" applyBorder="1" applyAlignment="1">
      <alignment horizontal="center" vertical="center"/>
    </xf>
    <xf numFmtId="0" fontId="11" fillId="27" borderId="18" xfId="0" applyFont="1" applyFill="1" applyBorder="1" applyAlignment="1">
      <alignment horizontal="center" vertical="center"/>
    </xf>
    <xf numFmtId="0" fontId="11" fillId="27" borderId="66" xfId="0" applyFont="1" applyFill="1" applyBorder="1" applyAlignment="1">
      <alignment horizontal="center" vertical="center"/>
    </xf>
    <xf numFmtId="0" fontId="25" fillId="27" borderId="24" xfId="0" applyFont="1" applyFill="1" applyBorder="1" applyAlignment="1">
      <alignment horizontal="center" vertical="center" wrapText="1" shrinkToFit="1"/>
    </xf>
    <xf numFmtId="0" fontId="25" fillId="27" borderId="14" xfId="0" applyFont="1" applyFill="1" applyBorder="1" applyAlignment="1">
      <alignment horizontal="center" vertical="center" wrapText="1" shrinkToFit="1"/>
    </xf>
    <xf numFmtId="0" fontId="25" fillId="27" borderId="37" xfId="0" applyFont="1" applyFill="1" applyBorder="1" applyAlignment="1">
      <alignment horizontal="center" vertical="center" wrapText="1" shrinkToFit="1"/>
    </xf>
    <xf numFmtId="0" fontId="25" fillId="0" borderId="43" xfId="0" applyFont="1" applyBorder="1" applyAlignment="1">
      <alignment horizontal="center" vertical="center"/>
    </xf>
    <xf numFmtId="0" fontId="25" fillId="0" borderId="15" xfId="0" applyFont="1" applyBorder="1" applyAlignment="1">
      <alignment horizontal="center" vertical="center"/>
    </xf>
    <xf numFmtId="0" fontId="0" fillId="27" borderId="0" xfId="0" applyFill="1" applyAlignment="1">
      <alignment vertical="center" wrapText="1"/>
    </xf>
    <xf numFmtId="0" fontId="38" fillId="27" borderId="0" xfId="0" applyFont="1" applyFill="1" applyAlignment="1">
      <alignment vertical="center" wrapText="1"/>
    </xf>
    <xf numFmtId="0" fontId="25" fillId="27" borderId="41" xfId="0" applyFont="1" applyFill="1" applyBorder="1">
      <alignment vertical="center"/>
    </xf>
    <xf numFmtId="0" fontId="25" fillId="27" borderId="0" xfId="0" applyFont="1" applyFill="1" applyAlignment="1">
      <alignment horizontal="left" vertical="center" wrapText="1"/>
    </xf>
    <xf numFmtId="0" fontId="25" fillId="0" borderId="43" xfId="0" applyFont="1" applyBorder="1" applyAlignment="1">
      <alignment vertical="center" wrapText="1"/>
    </xf>
    <xf numFmtId="0" fontId="25" fillId="0" borderId="15" xfId="0" applyFont="1" applyBorder="1" applyAlignment="1">
      <alignment vertical="center" wrapText="1"/>
    </xf>
    <xf numFmtId="0" fontId="25" fillId="27" borderId="42" xfId="0" applyFont="1" applyFill="1" applyBorder="1">
      <alignment vertical="center"/>
    </xf>
    <xf numFmtId="0" fontId="25" fillId="27" borderId="0" xfId="0" applyFont="1" applyFill="1" applyAlignment="1">
      <alignment horizontal="left" vertical="center"/>
    </xf>
    <xf numFmtId="0" fontId="25" fillId="27" borderId="24" xfId="0" applyFont="1" applyFill="1" applyBorder="1" applyAlignment="1">
      <alignment horizontal="center" vertical="center"/>
    </xf>
    <xf numFmtId="0" fontId="11" fillId="27" borderId="47" xfId="0" applyFont="1" applyFill="1" applyBorder="1" applyAlignment="1">
      <alignment horizontal="center" vertical="center"/>
    </xf>
    <xf numFmtId="0" fontId="11" fillId="27" borderId="80" xfId="0" applyFont="1" applyFill="1" applyBorder="1" applyAlignment="1">
      <alignment horizontal="center" vertical="center"/>
    </xf>
    <xf numFmtId="0" fontId="25" fillId="27" borderId="72" xfId="0" applyFont="1" applyFill="1" applyBorder="1">
      <alignment vertical="center"/>
    </xf>
    <xf numFmtId="178" fontId="25" fillId="27" borderId="73" xfId="0" applyNumberFormat="1" applyFont="1" applyFill="1" applyBorder="1" applyAlignment="1">
      <alignment horizontal="right" vertical="center"/>
    </xf>
    <xf numFmtId="178" fontId="25" fillId="27" borderId="74" xfId="0" applyNumberFormat="1" applyFont="1" applyFill="1" applyBorder="1" applyAlignment="1">
      <alignment horizontal="right" vertical="center"/>
    </xf>
    <xf numFmtId="0" fontId="25" fillId="27" borderId="24" xfId="0" applyFont="1" applyFill="1" applyBorder="1" applyAlignment="1">
      <alignment horizontal="center" vertical="center" shrinkToFit="1"/>
    </xf>
    <xf numFmtId="0" fontId="25" fillId="27" borderId="14" xfId="0" applyFont="1" applyFill="1" applyBorder="1" applyAlignment="1">
      <alignment horizontal="center" vertical="center" shrinkToFit="1"/>
    </xf>
    <xf numFmtId="0" fontId="25" fillId="27" borderId="37" xfId="0" applyFont="1" applyFill="1" applyBorder="1" applyAlignment="1">
      <alignment horizontal="center" vertical="center" shrinkToFit="1"/>
    </xf>
    <xf numFmtId="0" fontId="25" fillId="27" borderId="0" xfId="0" applyFont="1" applyFill="1" applyAlignment="1">
      <alignment vertical="top" wrapText="1"/>
    </xf>
    <xf numFmtId="0" fontId="25" fillId="0" borderId="24" xfId="0" applyFont="1" applyBorder="1" applyAlignment="1">
      <alignment vertical="center" wrapText="1"/>
    </xf>
    <xf numFmtId="0" fontId="25" fillId="0" borderId="12" xfId="0" applyFont="1" applyBorder="1" applyAlignment="1">
      <alignment vertical="center" wrapText="1"/>
    </xf>
    <xf numFmtId="0" fontId="25" fillId="27" borderId="0" xfId="0" applyFont="1" applyFill="1" applyAlignment="1">
      <alignment horizontal="center" vertical="top" wrapText="1"/>
    </xf>
    <xf numFmtId="0" fontId="25" fillId="27" borderId="39" xfId="0" applyFont="1" applyFill="1" applyBorder="1" applyAlignment="1">
      <alignment horizontal="center" vertical="center" textRotation="255" shrinkToFit="1"/>
    </xf>
    <xf numFmtId="0" fontId="25" fillId="27" borderId="13" xfId="0" applyFont="1" applyFill="1" applyBorder="1" applyAlignment="1">
      <alignment horizontal="center" vertical="center" textRotation="255" shrinkToFit="1"/>
    </xf>
    <xf numFmtId="0" fontId="25" fillId="27" borderId="81" xfId="0" applyFont="1" applyFill="1" applyBorder="1" applyAlignment="1">
      <alignment horizontal="center" vertical="center" textRotation="255" shrinkToFit="1"/>
    </xf>
    <xf numFmtId="0" fontId="25" fillId="0" borderId="82" xfId="0" applyFont="1" applyBorder="1" applyAlignment="1">
      <alignment horizontal="center" vertical="center" wrapText="1"/>
    </xf>
    <xf numFmtId="0" fontId="25" fillId="0" borderId="10" xfId="0" applyFont="1" applyBorder="1" applyAlignment="1">
      <alignment horizontal="center" vertical="center" wrapText="1"/>
    </xf>
    <xf numFmtId="0" fontId="0" fillId="0" borderId="0" xfId="0" applyAlignment="1">
      <alignment horizontal="center" vertical="center" wrapText="1"/>
    </xf>
    <xf numFmtId="0" fontId="29" fillId="27" borderId="41" xfId="0" applyFont="1" applyFill="1" applyBorder="1" applyAlignment="1">
      <alignment horizontal="center" vertical="center"/>
    </xf>
    <xf numFmtId="0" fontId="25" fillId="27" borderId="0" xfId="0" applyFont="1" applyFill="1" applyAlignment="1">
      <alignment horizontal="left" vertical="top" wrapText="1"/>
    </xf>
    <xf numFmtId="0" fontId="0" fillId="27" borderId="0" xfId="0" applyFill="1" applyAlignment="1">
      <alignment horizontal="right" vertical="center"/>
    </xf>
    <xf numFmtId="0" fontId="26" fillId="27" borderId="24" xfId="0" applyFont="1" applyFill="1" applyBorder="1" applyAlignment="1">
      <alignment horizontal="center" vertical="center" wrapText="1"/>
    </xf>
    <xf numFmtId="0" fontId="26" fillId="27" borderId="14" xfId="0" applyFont="1" applyFill="1" applyBorder="1" applyAlignment="1">
      <alignment horizontal="center" vertical="center" wrapText="1"/>
    </xf>
    <xf numFmtId="0" fontId="26" fillId="27" borderId="37" xfId="0" applyFont="1" applyFill="1" applyBorder="1" applyAlignment="1">
      <alignment horizontal="center" vertical="center" wrapText="1"/>
    </xf>
    <xf numFmtId="178" fontId="25" fillId="28" borderId="19" xfId="0" applyNumberFormat="1" applyFont="1" applyFill="1" applyBorder="1" applyAlignment="1" applyProtection="1">
      <alignment vertical="center"/>
      <protection locked="0"/>
    </xf>
    <xf numFmtId="178" fontId="25" fillId="28" borderId="20" xfId="0" applyNumberFormat="1" applyFont="1" applyFill="1" applyBorder="1" applyAlignment="1" applyProtection="1">
      <alignment horizontal="center" vertical="center"/>
      <protection locked="0"/>
    </xf>
    <xf numFmtId="178" fontId="25" fillId="28" borderId="21" xfId="0" applyNumberFormat="1" applyFont="1" applyFill="1" applyBorder="1" applyAlignment="1" applyProtection="1">
      <alignment horizontal="center" vertical="center"/>
      <protection locked="0"/>
    </xf>
    <xf numFmtId="178" fontId="25" fillId="28" borderId="36" xfId="0" applyNumberFormat="1" applyFont="1" applyFill="1" applyBorder="1" applyAlignment="1" applyProtection="1">
      <alignment horizontal="center" vertical="center"/>
      <protection locked="0"/>
    </xf>
    <xf numFmtId="0" fontId="29" fillId="27" borderId="58" xfId="0" applyFont="1" applyFill="1" applyBorder="1" applyAlignment="1">
      <alignment horizontal="center" vertical="center"/>
    </xf>
    <xf numFmtId="0" fontId="26" fillId="27" borderId="46" xfId="0" applyFont="1" applyFill="1" applyBorder="1" applyAlignment="1">
      <alignment horizontal="center" vertical="center" wrapText="1"/>
    </xf>
    <xf numFmtId="0" fontId="26" fillId="27" borderId="49" xfId="0" applyFont="1" applyFill="1" applyBorder="1" applyAlignment="1">
      <alignment horizontal="center" vertical="center" wrapText="1"/>
    </xf>
    <xf numFmtId="0" fontId="26" fillId="27" borderId="51" xfId="0" applyFont="1" applyFill="1" applyBorder="1" applyAlignment="1">
      <alignment horizontal="center" vertical="center" wrapText="1"/>
    </xf>
    <xf numFmtId="178" fontId="25" fillId="28" borderId="46" xfId="0" applyNumberFormat="1" applyFont="1" applyFill="1" applyBorder="1" applyAlignment="1" applyProtection="1">
      <alignment vertical="center"/>
      <protection locked="0"/>
    </xf>
    <xf numFmtId="178" fontId="25" fillId="28" borderId="49" xfId="0" applyNumberFormat="1" applyFont="1" applyFill="1" applyBorder="1" applyAlignment="1" applyProtection="1">
      <alignment horizontal="center" vertical="center"/>
      <protection locked="0"/>
    </xf>
    <xf numFmtId="178" fontId="25" fillId="28" borderId="27" xfId="0" applyNumberFormat="1" applyFont="1" applyFill="1" applyBorder="1" applyAlignment="1" applyProtection="1">
      <alignment horizontal="center" vertical="center"/>
      <protection locked="0"/>
    </xf>
    <xf numFmtId="178" fontId="25" fillId="28" borderId="51" xfId="0" applyNumberFormat="1" applyFont="1" applyFill="1" applyBorder="1" applyAlignment="1" applyProtection="1">
      <alignment horizontal="center" vertical="center"/>
      <protection locked="0"/>
    </xf>
    <xf numFmtId="0" fontId="52" fillId="31" borderId="61" xfId="0" applyFont="1" applyFill="1" applyBorder="1" applyAlignment="1">
      <alignment horizontal="left" vertical="top" wrapText="1"/>
    </xf>
    <xf numFmtId="0" fontId="53" fillId="31" borderId="61" xfId="0" applyFont="1" applyFill="1" applyBorder="1" applyAlignment="1">
      <alignment horizontal="left" vertical="top" wrapText="1"/>
    </xf>
    <xf numFmtId="0" fontId="53" fillId="31" borderId="0" xfId="0" applyFont="1" applyFill="1" applyBorder="1" applyAlignment="1">
      <alignment horizontal="left" vertical="top" wrapText="1"/>
    </xf>
    <xf numFmtId="0" fontId="36" fillId="0" borderId="0" xfId="0" applyFont="1" applyAlignment="1">
      <alignment horizontal="left" vertical="center"/>
    </xf>
    <xf numFmtId="49" fontId="30" fillId="0" borderId="16" xfId="0" applyNumberFormat="1" applyFont="1" applyBorder="1">
      <alignment vertical="center"/>
    </xf>
    <xf numFmtId="49" fontId="36" fillId="0" borderId="35" xfId="0" applyNumberFormat="1" applyFont="1" applyBorder="1">
      <alignment vertical="center"/>
    </xf>
    <xf numFmtId="0" fontId="36" fillId="0" borderId="20" xfId="0" applyFont="1" applyBorder="1">
      <alignment vertical="center"/>
    </xf>
    <xf numFmtId="49" fontId="36" fillId="0" borderId="20" xfId="0" applyNumberFormat="1" applyFont="1" applyBorder="1">
      <alignment vertical="center"/>
    </xf>
    <xf numFmtId="0" fontId="36" fillId="0" borderId="36" xfId="0" applyFont="1" applyBorder="1">
      <alignment vertical="center"/>
    </xf>
    <xf numFmtId="49" fontId="30" fillId="0" borderId="23" xfId="0" applyNumberFormat="1" applyFont="1" applyBorder="1">
      <alignment vertical="center"/>
    </xf>
    <xf numFmtId="49" fontId="36" fillId="0" borderId="12" xfId="0" applyNumberFormat="1" applyFont="1" applyBorder="1">
      <alignment vertical="center"/>
    </xf>
    <xf numFmtId="49" fontId="36" fillId="0" borderId="14" xfId="0" applyNumberFormat="1" applyFont="1" applyBorder="1">
      <alignment vertical="center"/>
    </xf>
    <xf numFmtId="49" fontId="36" fillId="0" borderId="37" xfId="0" applyNumberFormat="1" applyFont="1" applyBorder="1">
      <alignment vertical="center"/>
    </xf>
    <xf numFmtId="0" fontId="36" fillId="0" borderId="58" xfId="0" applyFont="1" applyBorder="1">
      <alignment vertical="center"/>
    </xf>
    <xf numFmtId="0" fontId="36" fillId="0" borderId="83" xfId="0" applyFont="1" applyBorder="1">
      <alignment vertical="center"/>
    </xf>
    <xf numFmtId="0" fontId="36" fillId="0" borderId="84" xfId="0" applyFont="1" applyBorder="1">
      <alignment vertical="center"/>
    </xf>
    <xf numFmtId="0" fontId="36" fillId="0" borderId="85" xfId="0" applyFont="1" applyBorder="1">
      <alignment vertical="center"/>
    </xf>
    <xf numFmtId="0" fontId="36" fillId="0" borderId="86" xfId="0" applyFont="1" applyBorder="1">
      <alignment vertical="center"/>
    </xf>
    <xf numFmtId="0" fontId="36" fillId="0" borderId="72" xfId="0" applyFont="1" applyBorder="1">
      <alignment vertical="center"/>
    </xf>
    <xf numFmtId="0" fontId="36" fillId="0" borderId="87" xfId="0" applyFont="1" applyBorder="1">
      <alignment vertical="center"/>
    </xf>
    <xf numFmtId="0" fontId="36" fillId="0" borderId="27" xfId="0" applyFont="1" applyBorder="1">
      <alignment vertical="center"/>
    </xf>
    <xf numFmtId="0" fontId="36" fillId="0" borderId="88" xfId="0" applyFont="1" applyBorder="1">
      <alignment vertical="center"/>
    </xf>
    <xf numFmtId="0" fontId="0" fillId="0" borderId="73" xfId="0" applyBorder="1" applyAlignment="1">
      <alignment vertical="center" wrapText="1"/>
    </xf>
    <xf numFmtId="0" fontId="0" fillId="0" borderId="86" xfId="0" applyBorder="1" applyAlignment="1">
      <alignment vertical="center" wrapText="1"/>
    </xf>
    <xf numFmtId="0" fontId="0" fillId="0" borderId="84" xfId="0" applyBorder="1" applyAlignment="1">
      <alignment vertical="center" wrapText="1"/>
    </xf>
    <xf numFmtId="0" fontId="0" fillId="0" borderId="85" xfId="0" applyBorder="1" applyAlignment="1">
      <alignment vertical="center" wrapText="1"/>
    </xf>
    <xf numFmtId="0" fontId="0" fillId="0" borderId="58" xfId="0" applyBorder="1" applyAlignment="1">
      <alignment vertical="center" wrapText="1"/>
    </xf>
    <xf numFmtId="0" fontId="0" fillId="0" borderId="83" xfId="0" applyBorder="1">
      <alignment vertical="center"/>
    </xf>
    <xf numFmtId="0" fontId="0" fillId="0" borderId="85" xfId="0" applyBorder="1">
      <alignment vertical="center"/>
    </xf>
  </cellXfs>
  <cellStyles count="54">
    <cellStyle name="20% - アクセント 1 2" xfId="1"/>
    <cellStyle name="20% - アクセント 2 2" xfId="2"/>
    <cellStyle name="20% - アクセント 3 2" xfId="3"/>
    <cellStyle name="20% - アクセント 4 2" xfId="4"/>
    <cellStyle name="20% - アクセント 5 2" xfId="5"/>
    <cellStyle name="20% - アクセント 6 2" xfId="6"/>
    <cellStyle name="40% - アクセント 1 2" xfId="7"/>
    <cellStyle name="40% - アクセント 2 2" xfId="8"/>
    <cellStyle name="40% - アクセント 3 2" xfId="9"/>
    <cellStyle name="40% - アクセント 4 2" xfId="10"/>
    <cellStyle name="40% - アクセント 5 2" xfId="11"/>
    <cellStyle name="40% - アクセント 6 2" xfId="12"/>
    <cellStyle name="60% - アクセント 1 2" xfId="13"/>
    <cellStyle name="60% - アクセント 2 2" xfId="14"/>
    <cellStyle name="60% - アクセント 3 2" xfId="15"/>
    <cellStyle name="60% - アクセント 4 2" xfId="16"/>
    <cellStyle name="60% - アクセント 5 2" xfId="17"/>
    <cellStyle name="60% - アクセント 6 2" xfId="18"/>
    <cellStyle name="どちらでもない 2" xfId="19"/>
    <cellStyle name="アクセント 1 2" xfId="20"/>
    <cellStyle name="アクセント 2 2" xfId="21"/>
    <cellStyle name="アクセント 3 2" xfId="22"/>
    <cellStyle name="アクセント 4 2" xfId="23"/>
    <cellStyle name="アクセント 5 2" xfId="24"/>
    <cellStyle name="アクセント 6 2" xfId="25"/>
    <cellStyle name="タイトル 2" xfId="26"/>
    <cellStyle name="チェック セル 2" xfId="27"/>
    <cellStyle name="パーセント 2" xfId="28"/>
    <cellStyle name="メモ 2" xfId="29"/>
    <cellStyle name="リンク セル 2" xfId="30"/>
    <cellStyle name="入力 2" xfId="31"/>
    <cellStyle name="出力 2" xfId="32"/>
    <cellStyle name="悪い 2" xfId="33"/>
    <cellStyle name="桁区切り 2" xfId="34"/>
    <cellStyle name="標準" xfId="0" builtinId="0"/>
    <cellStyle name="標準 2" xfId="35"/>
    <cellStyle name="標準 2 2" xfId="36"/>
    <cellStyle name="標準 2 3" xfId="37"/>
    <cellStyle name="標準 3" xfId="38"/>
    <cellStyle name="標準 3 2" xfId="39"/>
    <cellStyle name="標準 3 2 2" xfId="40"/>
    <cellStyle name="標準 3 3" xfId="41"/>
    <cellStyle name="標準 3 3 2" xfId="42"/>
    <cellStyle name="標準 3 4" xfId="43"/>
    <cellStyle name="良い 2" xfId="44"/>
    <cellStyle name="見出し 1 2" xfId="45"/>
    <cellStyle name="見出し 2 2" xfId="46"/>
    <cellStyle name="見出し 3 2" xfId="47"/>
    <cellStyle name="見出し 4 2" xfId="48"/>
    <cellStyle name="計算 2" xfId="49"/>
    <cellStyle name="説明文 2" xfId="50"/>
    <cellStyle name="警告文 2" xfId="51"/>
    <cellStyle name="集計 2" xfId="52"/>
    <cellStyle name="ハイパーリンク" xfId="53" builtinId="8"/>
  </cellStyles>
  <dxfs count="8">
    <dxf>
      <font>
        <color theme="0" tint="-0.35"/>
      </font>
      <fill>
        <patternFill patternType="solid">
          <bgColor theme="0" tint="-0.35"/>
        </patternFill>
      </fill>
      <border>
        <left/>
        <right/>
        <top/>
        <bottom/>
      </border>
    </dxf>
    <dxf>
      <font>
        <color rgb="FFA6A6A6"/>
      </font>
      <fill>
        <patternFill patternType="solid">
          <bgColor rgb="FFA6A6A6"/>
        </patternFill>
      </fill>
      <border>
        <left/>
        <right/>
        <top/>
        <bottom/>
      </border>
    </dxf>
    <dxf>
      <font>
        <color theme="0" tint="-0.35"/>
      </font>
      <fill>
        <patternFill patternType="solid">
          <bgColor theme="0" tint="-0.35"/>
        </patternFill>
      </fill>
      <border>
        <left/>
        <right/>
        <top/>
        <bottom/>
      </border>
    </dxf>
    <dxf>
      <font>
        <color theme="2" tint="-0.1"/>
      </font>
      <fill>
        <patternFill patternType="solid">
          <bgColor theme="2" tint="-0.1"/>
        </patternFill>
      </fill>
      <border>
        <left/>
        <right/>
        <top/>
        <bottom/>
      </border>
    </dxf>
    <dxf>
      <font>
        <color theme="2" tint="-0.1"/>
      </font>
      <fill>
        <patternFill patternType="solid">
          <bgColor theme="2" tint="-0.1"/>
        </patternFill>
      </fill>
      <border>
        <left/>
        <right/>
        <top/>
        <bottom/>
      </border>
    </dxf>
    <dxf>
      <font>
        <color theme="2" tint="-0.1"/>
      </font>
      <fill>
        <patternFill patternType="solid">
          <bgColor theme="2" tint="-0.1"/>
        </patternFill>
      </fill>
      <border>
        <left/>
        <right/>
        <top/>
        <bottom/>
      </border>
    </dxf>
    <dxf>
      <font>
        <color theme="2" tint="-0.1"/>
      </font>
      <fill>
        <patternFill patternType="solid">
          <bgColor theme="2" tint="-0.1"/>
        </patternFill>
      </fill>
      <border>
        <left/>
        <right/>
        <top/>
        <bottom/>
      </border>
    </dxf>
    <dxf>
      <font>
        <color theme="2" tint="-0.1"/>
      </font>
      <fill>
        <patternFill patternType="solid">
          <bgColor theme="2" tint="-0.1"/>
        </patternFill>
      </fill>
      <border>
        <left/>
        <right/>
        <top/>
        <bottom/>
      </border>
    </dxf>
  </dxfs>
  <tableStyles count="0" defaultTableStyle="TableStyleMedium2" defaultPivotStyle="PivotStyleLight16"/>
  <colors>
    <mruColors>
      <color rgb="FF732EA6"/>
      <color rgb="FF9245CB"/>
      <color rgb="FFA6A6A6"/>
      <color rgb="FFFFFFCC"/>
      <color rgb="FFFFFF99"/>
      <color rgb="FFFFE5FC"/>
      <color rgb="FFCDFFFF"/>
      <color rgb="FFFFFF66"/>
      <color rgb="FFCCFFCC"/>
      <color rgb="FF00FFFF"/>
    </mruColors>
  </colors>
  <extLst>
    <ext xmlns:x14="http://schemas.microsoft.com/office/spreadsheetml/2009/9/main" uri="{EB79DEF2-80B8-43e5-95BD-54CBDDF9020C}">
      <x14:slicerStyles xmlns:r="http://schemas.openxmlformats.org/officeDocument/2006/relationships"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14="http://schemas.microsoft.com/office/spreadsheetml/2009/9/main" defaultSlicerStyle="SlicerStyleLight1"/>
    </ext>
    <ext xmlns:x15="http://schemas.microsoft.com/office/spreadsheetml/2010/11/main" uri="{9260A510-F301-46a8-8635-F512D64BE5F5}">
      <x15:timelineStyles xmlns:r="http://schemas.openxmlformats.org/officeDocument/2006/relationships"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15="http://schemas.microsoft.com/office/spreadsheetml/2010/11/main" defaultTimelineStyle="TimeSlicerStyleLight1"/>
    </ext>
  </extLst>
</styleSheet>
</file>

<file path=xl/_rels/workbook.xml.rels><?xml version="1.0" encoding="UTF-8"?><Relationships xmlns="http://schemas.openxmlformats.org/package/2006/relationships"><Relationship Id="rId1" Type="http://schemas.openxmlformats.org/officeDocument/2006/relationships/worksheet" Target="worksheets/sheet1.xml" /><Relationship Id="rId2" Type="http://schemas.openxmlformats.org/officeDocument/2006/relationships/worksheet" Target="worksheets/sheet2.xml" /><Relationship Id="rId3" Type="http://schemas.openxmlformats.org/officeDocument/2006/relationships/worksheet" Target="worksheets/sheet3.xml" /><Relationship Id="rId4" Type="http://schemas.openxmlformats.org/officeDocument/2006/relationships/worksheet" Target="worksheets/sheet4.xml" /><Relationship Id="rId5" Type="http://schemas.openxmlformats.org/officeDocument/2006/relationships/externalLink" Target="externalLinks/externalLink1.xml" /><Relationship Id="rId6" Type="http://schemas.openxmlformats.org/officeDocument/2006/relationships/customXml" Target="../customXml/item3.xml" /><Relationship Id="rId7" Type="http://schemas.openxmlformats.org/officeDocument/2006/relationships/customXml" Target="../customXml/item2.xml" /><Relationship Id="rId8" Type="http://schemas.openxmlformats.org/officeDocument/2006/relationships/customXml" Target="../customXml/item1.xml" /><Relationship Id="rId9" Type="http://schemas.openxmlformats.org/officeDocument/2006/relationships/theme" Target="theme/theme1.xml" /><Relationship Id="rId10" Type="http://schemas.openxmlformats.org/officeDocument/2006/relationships/sharedStrings" Target="sharedStrings.xml" /><Relationship Id="rId11" Type="http://schemas.openxmlformats.org/officeDocument/2006/relationships/styles" Target="styles.xml" /></Relationships>
</file>

<file path=xl/ctrlProps/ctrlProp1.xml><?xml version="1.0" encoding="utf-8"?>
<formControlPr xmlns="http://schemas.microsoft.com/office/spreadsheetml/2009/9/main" objectType="CheckBox" fmlaLink="$BA$102" lockText="1" noThreeD="1"/>
</file>

<file path=xl/ctrlProps/ctrlProp2.xml><?xml version="1.0" encoding="utf-8"?>
<formControlPr xmlns="http://schemas.microsoft.com/office/spreadsheetml/2009/9/main" objectType="CheckBox" fmlaLink="$BA$102" lockText="1" noThreeD="1"/>
</file>

<file path=xl/drawings/drawing1.xml><?xml version="1.0" encoding="utf-8"?>
<xdr:wsDr xmlns:xdr="http://schemas.openxmlformats.org/drawingml/2006/spreadsheetDrawing" xmlns:a="http://schemas.openxmlformats.org/drawingml/2006/main">
  <xdr:twoCellAnchor>
    <xdr:from xmlns:xdr="http://schemas.openxmlformats.org/drawingml/2006/spreadsheetDrawing">
      <xdr:col>28</xdr:col>
      <xdr:colOff>40640</xdr:colOff>
      <xdr:row>2</xdr:row>
      <xdr:rowOff>394335</xdr:rowOff>
    </xdr:from>
    <xdr:to xmlns:xdr="http://schemas.openxmlformats.org/drawingml/2006/spreadsheetDrawing">
      <xdr:col>34</xdr:col>
      <xdr:colOff>467360</xdr:colOff>
      <xdr:row>7</xdr:row>
      <xdr:rowOff>36195</xdr:rowOff>
    </xdr:to>
    <xdr:grpSp>
      <xdr:nvGrpSpPr>
        <xdr:cNvPr id="2" name="グループ化 1"/>
        <xdr:cNvGrpSpPr/>
      </xdr:nvGrpSpPr>
      <xdr:grpSpPr>
        <a:xfrm>
          <a:off x="11767820" y="869315"/>
          <a:ext cx="4645025" cy="1060450"/>
          <a:chOff x="3989402" y="553743"/>
          <a:chExt cx="4133850" cy="852866"/>
        </a:xfrm>
      </xdr:grpSpPr>
      <xdr:sp macro="" textlink="">
        <xdr:nvSpPr>
          <xdr:cNvPr id="9" name="正方形/長方形 8"/>
          <xdr:cNvSpPr/>
        </xdr:nvSpPr>
        <xdr:spPr>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色付きセルに必要事項を入力してください。</a:t>
            </a:r>
            <a:endParaRPr kumimoji="1" lang="en-US" altLang="ja-JP" sz="1100"/>
          </a:p>
          <a:p>
            <a:pPr algn="l"/>
            <a:endParaRPr kumimoji="1" lang="en-US" altLang="ja-JP" sz="600"/>
          </a:p>
          <a:p>
            <a:pPr algn="l"/>
            <a:r>
              <a:rPr kumimoji="1" lang="ja-JP" altLang="en-US" sz="1100"/>
              <a:t>　　　　　　　</a:t>
            </a:r>
            <a:r>
              <a:rPr kumimoji="1" lang="ja-JP" altLang="en-US" sz="1100">
                <a:solidFill>
                  <a:srgbClr val="FF0000"/>
                </a:solidFill>
              </a:rPr>
              <a:t>補助金の支給に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defRPr/>
            </a:pP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xdr:cNvSpPr/>
        </xdr:nvSpPr>
        <xdr:spPr>
          <a:xfrm>
            <a:off x="4205488" y="980948"/>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mlns:xdr="http://schemas.openxmlformats.org/drawingml/2006/spreadsheetDrawing">
      <xdr:col>1</xdr:col>
      <xdr:colOff>0</xdr:colOff>
      <xdr:row>6</xdr:row>
      <xdr:rowOff>103505</xdr:rowOff>
    </xdr:from>
    <xdr:to xmlns:xdr="http://schemas.openxmlformats.org/drawingml/2006/spreadsheetDrawing">
      <xdr:col>24</xdr:col>
      <xdr:colOff>1537335</xdr:colOff>
      <xdr:row>12</xdr:row>
      <xdr:rowOff>19685</xdr:rowOff>
    </xdr:to>
    <xdr:grpSp>
      <xdr:nvGrpSpPr>
        <xdr:cNvPr id="5" name="グループ化 4"/>
        <xdr:cNvGrpSpPr/>
      </xdr:nvGrpSpPr>
      <xdr:grpSpPr>
        <a:xfrm>
          <a:off x="352425" y="1741170"/>
          <a:ext cx="8592185" cy="1451610"/>
          <a:chOff x="373647" y="1531263"/>
          <a:chExt cx="9397284" cy="1397226"/>
        </a:xfrm>
      </xdr:grpSpPr>
      <xdr:grpSp>
        <xdr:nvGrpSpPr>
          <xdr:cNvPr id="6" name="グループ化 5"/>
          <xdr:cNvGrpSpPr/>
        </xdr:nvGrpSpPr>
        <xdr:grpSpPr>
          <a:xfrm>
            <a:off x="373647" y="1531263"/>
            <a:ext cx="9397284" cy="1397226"/>
            <a:chOff x="370646" y="2066877"/>
            <a:chExt cx="9362361" cy="1396809"/>
          </a:xfrm>
        </xdr:grpSpPr>
        <xdr:grpSp>
          <xdr:nvGrpSpPr>
            <xdr:cNvPr id="14" name="グループ化 13"/>
            <xdr:cNvGrpSpPr/>
          </xdr:nvGrpSpPr>
          <xdr:grpSpPr>
            <a:xfrm>
              <a:off x="370646" y="2066877"/>
              <a:ext cx="9362361" cy="1396809"/>
              <a:chOff x="97973" y="4260273"/>
              <a:chExt cx="9293879" cy="1789215"/>
            </a:xfrm>
          </xdr:grpSpPr>
          <xdr:sp macro="" textlink="">
            <xdr:nvSpPr>
              <xdr:cNvPr id="16" name="四角形: 角を丸くする 15"/>
              <xdr:cNvSpPr/>
            </xdr:nvSpPr>
            <xdr:spPr>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horzOverflow="overflow" wrap="square" lIns="18288" tIns="0" rIns="0" bIns="0" rtlCol="0" anchor="ctr" upright="1"/>
              <a:lstStyle/>
              <a:p>
                <a:pPr algn="ctr"/>
                <a:endParaRPr kumimoji="1" lang="ja-JP" altLang="en-US" sz="1200" b="1">
                  <a:solidFill>
                    <a:sysClr val="windowText" lastClr="000000"/>
                  </a:solidFill>
                </a:endParaRPr>
              </a:p>
            </xdr:txBody>
          </xdr:sp>
          <xdr:sp macro="" textlink="">
            <xdr:nvSpPr>
              <xdr:cNvPr id="17" name="フローチャート: 書類 16"/>
              <xdr:cNvSpPr/>
            </xdr:nvSpPr>
            <xdr:spPr>
              <a:xfrm>
                <a:off x="1347524" y="4607626"/>
                <a:ext cx="1084612" cy="1138051"/>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overflow" wrap="square" lIns="18288" tIns="0" rIns="0" bIns="0" rtlCol="0" anchor="ctr" upright="1"/>
              <a:lstStyle/>
              <a:p>
                <a:pPr algn="l"/>
                <a:endParaRPr kumimoji="1" lang="en-US" altLang="ja-JP" sz="1600" b="1"/>
              </a:p>
            </xdr:txBody>
          </xdr:sp>
          <xdr:sp macro="" textlink="">
            <xdr:nvSpPr>
              <xdr:cNvPr id="18" name="フローチャート: 書類 17"/>
              <xdr:cNvSpPr/>
            </xdr:nvSpPr>
            <xdr:spPr>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overflow" wrap="square" lIns="18288" tIns="0" rIns="0" bIns="0" rtlCol="0" anchor="ctr" upright="1"/>
              <a:lstStyle/>
              <a:p>
                <a:pPr algn="l"/>
                <a:r>
                  <a:rPr kumimoji="1" lang="ja-JP" altLang="en-US" sz="1400" b="1" baseline="0"/>
                  <a:t> 別紙</a:t>
                </a:r>
                <a:r>
                  <a:rPr kumimoji="1" lang="ja-JP" altLang="en-US" sz="1400" b="1"/>
                  <a:t>様式</a:t>
                </a:r>
                <a:endParaRPr kumimoji="1" lang="en-US" altLang="ja-JP" sz="1400" b="1"/>
              </a:p>
              <a:p>
                <a:pPr algn="l"/>
                <a:r>
                  <a:rPr kumimoji="1" lang="ja-JP" altLang="en-US" sz="1400" b="1"/>
                  <a:t> ３－２</a:t>
                </a:r>
                <a:endParaRPr kumimoji="1" lang="en-US" altLang="ja-JP" sz="1400" b="1"/>
              </a:p>
            </xdr:txBody>
          </xdr:sp>
          <xdr:sp macro="" textlink="">
            <xdr:nvSpPr>
              <xdr:cNvPr id="19" name="フローチャート: 書類 18"/>
              <xdr:cNvSpPr/>
            </xdr:nvSpPr>
            <xdr:spPr>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overflow" wrap="square" lIns="18288" tIns="0" rIns="0" bIns="0" rtlCol="0" anchor="ctr" upright="1"/>
              <a:lstStyle/>
              <a:p>
                <a:pPr algn="l"/>
                <a:r>
                  <a:rPr kumimoji="1" lang="ja-JP" altLang="en-US" sz="1400" b="1" baseline="0"/>
                  <a:t> 別紙</a:t>
                </a:r>
                <a:r>
                  <a:rPr kumimoji="1" lang="ja-JP" altLang="en-US" sz="1400" b="1"/>
                  <a:t>様式</a:t>
                </a:r>
                <a:endParaRPr kumimoji="1" lang="en-US" altLang="ja-JP" sz="1400" b="1"/>
              </a:p>
              <a:p>
                <a:pPr algn="l"/>
                <a:r>
                  <a:rPr kumimoji="1" lang="ja-JP" altLang="en-US" sz="1400" b="1"/>
                  <a:t> ３－１</a:t>
                </a:r>
                <a:endParaRPr kumimoji="1" lang="en-US" altLang="ja-JP" sz="1400" b="1"/>
              </a:p>
            </xdr:txBody>
          </xdr:sp>
          <xdr:sp macro="" textlink="">
            <xdr:nvSpPr>
              <xdr:cNvPr id="20" name="矢印: 右 19"/>
              <xdr:cNvSpPr/>
            </xdr:nvSpPr>
            <xdr:spPr>
              <a:xfrm>
                <a:off x="2680504" y="4932218"/>
                <a:ext cx="1298003" cy="380009"/>
              </a:xfrm>
              <a:prstGeom prst="rightArrow">
                <a:avLst/>
              </a:prstGeom>
              <a:solidFill>
                <a:srgbClr xmlns:mc="http://schemas.openxmlformats.org/markup-compatibility/2006" xmlns:a14="http://schemas.microsoft.com/office/drawing/2010/main" val="FFFFFF" a14:legacySpreadsheetColorIndex="65" mc:Ignorable="a14"/>
              </a:solidFill>
              <a:ln w="9525" cap="flat" cmpd="sng" algn="ctr">
                <a:solidFill>
                  <a:schemeClr val="bg2">
                    <a:lumMod val="10000"/>
                  </a:schemeClr>
                </a:solidFill>
                <a:prstDash val="solid"/>
                <a:round/>
                <a:headEnd type="none" w="med" len="med"/>
                <a:tailEnd type="none" w="med" len="med"/>
              </a:ln>
              <a:effectLst/>
            </xdr:spPr>
            <xdr:txBody>
              <a:bodyPr vertOverflow="clip" horzOverflow="overflow" wrap="square" lIns="18288" tIns="0" rIns="0" bIns="0" rtlCol="0" anchor="ctr" upright="1"/>
              <a:lstStyle/>
              <a:p>
                <a:pPr algn="l"/>
                <a:endParaRPr kumimoji="1" lang="ja-JP" altLang="en-US" sz="1050"/>
              </a:p>
            </xdr:txBody>
          </xdr:sp>
          <xdr:sp macro="" textlink="">
            <xdr:nvSpPr>
              <xdr:cNvPr id="21" name="四角形: 角を丸くする 20"/>
              <xdr:cNvSpPr/>
            </xdr:nvSpPr>
            <xdr:spPr>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overflow" wrap="square" lIns="18288" tIns="0" rIns="0" bIns="0" rtlCol="0" anchor="ctr" upright="1"/>
              <a:lstStyle/>
              <a:p>
                <a:pPr algn="ctr"/>
                <a:r>
                  <a:rPr kumimoji="1" lang="ja-JP" altLang="en-US" sz="1200" b="1">
                    <a:solidFill>
                      <a:sysClr val="windowText" lastClr="000000"/>
                    </a:solidFill>
                  </a:rPr>
                  <a:t>ワークシート入力の流れ</a:t>
                </a:r>
              </a:p>
            </xdr:txBody>
          </xdr:sp>
          <xdr:sp macro="" textlink="">
            <xdr:nvSpPr>
              <xdr:cNvPr id="23" name="矢印: 右 22"/>
              <xdr:cNvSpPr/>
            </xdr:nvSpPr>
            <xdr:spPr>
              <a:xfrm>
                <a:off x="5751239" y="4932217"/>
                <a:ext cx="1289802" cy="380009"/>
              </a:xfrm>
              <a:prstGeom prst="rightArrow">
                <a:avLst/>
              </a:prstGeom>
              <a:solidFill>
                <a:srgbClr xmlns:mc="http://schemas.openxmlformats.org/markup-compatibility/2006" xmlns:a14="http://schemas.microsoft.com/office/drawing/2010/main" val="FFFFFF" a14:legacySpreadsheetColorIndex="65" mc:Ignorable="a14"/>
              </a:solidFill>
              <a:ln w="9525" cap="flat" cmpd="sng" algn="ctr">
                <a:solidFill>
                  <a:schemeClr val="bg2">
                    <a:lumMod val="10000"/>
                  </a:schemeClr>
                </a:solidFill>
                <a:prstDash val="solid"/>
                <a:round/>
                <a:headEnd type="none" w="med" len="med"/>
                <a:tailEnd type="none" w="med" len="med"/>
              </a:ln>
              <a:effectLst/>
            </xdr:spPr>
            <xdr:txBody>
              <a:bodyPr vertOverflow="clip" horzOverflow="overflow" wrap="square" lIns="18288" tIns="0" rIns="0" bIns="0" rtlCol="0" anchor="ctr" upright="1"/>
              <a:lstStyle/>
              <a:p>
                <a:pPr algn="l"/>
                <a:endParaRPr kumimoji="1" lang="ja-JP" altLang="en-US" sz="1050"/>
              </a:p>
            </xdr:txBody>
          </xdr:sp>
          <xdr:sp macro="" textlink="">
            <xdr:nvSpPr>
              <xdr:cNvPr id="24" name="テキスト ボックス 23"/>
              <xdr:cNvSpPr txBox="1"/>
            </xdr:nvSpPr>
            <xdr:spPr>
              <a:xfrm>
                <a:off x="2658735" y="5333998"/>
                <a:ext cx="1346516" cy="413013"/>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ja-JP" altLang="en-US" sz="1400" b="1"/>
                  <a:t>一部自動転記</a:t>
                </a:r>
              </a:p>
            </xdr:txBody>
          </xdr:sp>
          <xdr:sp macro="" textlink="">
            <xdr:nvSpPr>
              <xdr:cNvPr id="25" name="テキスト ボックス 24"/>
              <xdr:cNvSpPr txBox="1"/>
            </xdr:nvSpPr>
            <xdr:spPr>
              <a:xfrm>
                <a:off x="5718585" y="5334000"/>
                <a:ext cx="1346516" cy="413013"/>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ja-JP" altLang="en-US" sz="1400" b="1"/>
                  <a:t>一部自動転記</a:t>
                </a:r>
              </a:p>
            </xdr:txBody>
          </xdr:sp>
        </xdr:grpSp>
        <xdr:sp macro="" textlink="">
          <xdr:nvSpPr>
            <xdr:cNvPr id="15" name="テキスト ボックス 14"/>
            <xdr:cNvSpPr txBox="1"/>
          </xdr:nvSpPr>
          <xdr:spPr>
            <a:xfrm>
              <a:off x="1570554" y="2377523"/>
              <a:ext cx="1323280" cy="724297"/>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xdr:cNvSpPr/>
        </xdr:nvSpPr>
        <xdr:spPr>
          <a:xfrm>
            <a:off x="5704905" y="1583536"/>
            <a:ext cx="750257" cy="256605"/>
          </a:xfrm>
          <a:prstGeom prst="wedgeEllipseCallout">
            <a:avLst>
              <a:gd name="adj1" fmla="val -43910"/>
              <a:gd name="adj2" fmla="val 76151"/>
            </a:avLst>
          </a:prstGeom>
          <a:solidFill>
            <a:srgbClr xmlns:mc="http://schemas.openxmlformats.org/markup-compatibility/2006" xmlns:a14="http://schemas.microsoft.com/office/drawing/2010/main" val="FFFFFF" a14:legacySpreadsheetColorIndex="65" mc:Ignorable="a14"/>
          </a:solidFill>
          <a:ln w="9525" cap="flat" cmpd="sng" algn="ctr">
            <a:solidFill>
              <a:schemeClr val="tx1"/>
            </a:solidFill>
            <a:prstDash val="solid"/>
            <a:round/>
            <a:headEnd type="none" w="med" len="med"/>
            <a:tailEnd type="none" w="med" len="med"/>
          </a:ln>
          <a:effectLst/>
        </xdr:spPr>
        <xdr:txBody>
          <a:bodyPr vertOverflow="clip" horzOverflow="overflow" wrap="square" lIns="18288" tIns="0" rIns="0" bIns="0" rtlCol="0" anchor="ctr" upright="1"/>
          <a:lstStyle/>
          <a:p>
            <a:pPr algn="l"/>
            <a:endParaRPr kumimoji="1" lang="ja-JP" altLang="en-US" sz="900"/>
          </a:p>
        </xdr:txBody>
      </xdr:sp>
      <xdr:sp macro="" textlink="">
        <xdr:nvSpPr>
          <xdr:cNvPr id="11" name="テキスト ボックス 10"/>
          <xdr:cNvSpPr txBox="1"/>
        </xdr:nvSpPr>
        <xdr:spPr>
          <a:xfrm>
            <a:off x="5793014" y="1586875"/>
            <a:ext cx="777377" cy="241477"/>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defRPr/>
            </a:pPr>
            <a:r>
              <a:rPr kumimoji="1" lang="ja-JP" altLang="en-US" sz="900" b="1">
                <a:solidFill>
                  <a:schemeClr val="dk1"/>
                </a:solidFill>
                <a:effectLst/>
                <a:latin typeface="+mn-lt"/>
                <a:ea typeface="+mn-ea"/>
                <a:cs typeface="+mn-cs"/>
              </a:rPr>
              <a:t>要</a:t>
            </a:r>
            <a:r>
              <a:rPr kumimoji="1" lang="ja-JP" altLang="ja-JP" sz="900" b="1">
                <a:solidFill>
                  <a:schemeClr val="dk1"/>
                </a:solidFill>
                <a:effectLst/>
                <a:latin typeface="+mn-lt"/>
                <a:ea typeface="+mn-ea"/>
                <a:cs typeface="+mn-cs"/>
              </a:rPr>
              <a:t>提出</a:t>
            </a:r>
            <a:endParaRPr lang="ja-JP" altLang="ja-JP" sz="900" b="1">
              <a:effectLst/>
            </a:endParaRPr>
          </a:p>
          <a:p>
            <a:endParaRPr kumimoji="1" lang="ja-JP" altLang="en-US" sz="900" b="1"/>
          </a:p>
        </xdr:txBody>
      </xdr:sp>
      <xdr:sp macro="" textlink="">
        <xdr:nvSpPr>
          <xdr:cNvPr id="12" name="吹き出し: 円形 11"/>
          <xdr:cNvSpPr/>
        </xdr:nvSpPr>
        <xdr:spPr>
          <a:xfrm>
            <a:off x="8843128" y="1575074"/>
            <a:ext cx="736015" cy="265067"/>
          </a:xfrm>
          <a:prstGeom prst="wedgeEllipseCallout">
            <a:avLst>
              <a:gd name="adj1" fmla="val -43910"/>
              <a:gd name="adj2" fmla="val 76151"/>
            </a:avLst>
          </a:prstGeom>
          <a:solidFill>
            <a:srgbClr xmlns:mc="http://schemas.openxmlformats.org/markup-compatibility/2006" xmlns:a14="http://schemas.microsoft.com/office/drawing/2010/main" val="FFFFFF" a14:legacySpreadsheetColorIndex="65" mc:Ignorable="a14"/>
          </a:solidFill>
          <a:ln w="9525" cap="flat" cmpd="sng" algn="ctr">
            <a:solidFill>
              <a:schemeClr val="tx1"/>
            </a:solidFill>
            <a:prstDash val="solid"/>
            <a:round/>
            <a:headEnd type="none" w="med" len="med"/>
            <a:tailEnd type="none" w="med" len="med"/>
          </a:ln>
          <a:effectLst/>
        </xdr:spPr>
        <xdr:txBody>
          <a:bodyPr vertOverflow="clip" horzOverflow="overflow" wrap="square" lIns="18288" tIns="0" rIns="0" bIns="0" rtlCol="0" anchor="ctr" upright="1"/>
          <a:lstStyle/>
          <a:p>
            <a:pPr algn="l"/>
            <a:endParaRPr kumimoji="1" lang="ja-JP" altLang="en-US" sz="900"/>
          </a:p>
        </xdr:txBody>
      </xdr:sp>
      <xdr:sp macro="" textlink="">
        <xdr:nvSpPr>
          <xdr:cNvPr id="13" name="テキスト ボックス 12"/>
          <xdr:cNvSpPr txBox="1"/>
        </xdr:nvSpPr>
        <xdr:spPr>
          <a:xfrm>
            <a:off x="8931905" y="1592827"/>
            <a:ext cx="642938" cy="24813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defRPr/>
            </a:pPr>
            <a:r>
              <a:rPr kumimoji="1" lang="ja-JP" altLang="en-US" sz="900" b="1">
                <a:solidFill>
                  <a:schemeClr val="dk1"/>
                </a:solidFill>
                <a:effectLst/>
                <a:latin typeface="+mn-lt"/>
                <a:ea typeface="+mn-ea"/>
                <a:cs typeface="+mn-cs"/>
              </a:rPr>
              <a:t>要</a:t>
            </a:r>
            <a:r>
              <a:rPr kumimoji="1" lang="ja-JP" altLang="ja-JP" sz="900" b="1">
                <a:solidFill>
                  <a:schemeClr val="dk1"/>
                </a:solidFill>
                <a:effectLst/>
                <a:latin typeface="+mn-lt"/>
                <a:ea typeface="+mn-ea"/>
                <a:cs typeface="+mn-cs"/>
              </a:rPr>
              <a:t>提出</a:t>
            </a:r>
            <a:endParaRPr lang="ja-JP" altLang="ja-JP" sz="900" b="1">
              <a:effectLst/>
            </a:endParaRPr>
          </a:p>
          <a:p>
            <a:endParaRPr kumimoji="1" lang="ja-JP" altLang="en-US" sz="900" b="1"/>
          </a:p>
        </xdr:txBody>
      </xdr:sp>
    </xdr:grpSp>
    <xdr:clientData/>
  </xdr:twoCellAnchor>
  <xdr:twoCellAnchor>
    <xdr:from xmlns:xdr="http://schemas.openxmlformats.org/drawingml/2006/spreadsheetDrawing">
      <xdr:col>12</xdr:col>
      <xdr:colOff>92075</xdr:colOff>
      <xdr:row>6</xdr:row>
      <xdr:rowOff>145415</xdr:rowOff>
    </xdr:from>
    <xdr:to xmlns:xdr="http://schemas.openxmlformats.org/drawingml/2006/spreadsheetDrawing">
      <xdr:col>15</xdr:col>
      <xdr:colOff>178435</xdr:colOff>
      <xdr:row>8</xdr:row>
      <xdr:rowOff>83185</xdr:rowOff>
    </xdr:to>
    <xdr:sp macro="" textlink="">
      <xdr:nvSpPr>
        <xdr:cNvPr id="28" name="吹き出し: 円形 27"/>
        <xdr:cNvSpPr/>
      </xdr:nvSpPr>
      <xdr:spPr>
        <a:xfrm>
          <a:off x="2520950" y="1783080"/>
          <a:ext cx="686435" cy="449580"/>
        </a:xfrm>
        <a:prstGeom prst="wedgeEllipseCallout">
          <a:avLst>
            <a:gd name="adj1" fmla="val -48807"/>
            <a:gd name="adj2" fmla="val 70721"/>
          </a:avLst>
        </a:prstGeom>
        <a:solidFill>
          <a:srgbClr xmlns:mc="http://schemas.openxmlformats.org/markup-compatibility/2006" xmlns:a14="http://schemas.microsoft.com/office/drawing/2010/main" val="FFFFFF" a14:legacySpreadsheetColorIndex="65" mc:Ignorable="a14"/>
        </a:solidFill>
        <a:ln w="9525" cap="flat" cmpd="sng" algn="ctr">
          <a:solidFill>
            <a:schemeClr val="tx1"/>
          </a:solidFill>
          <a:prstDash val="solid"/>
          <a:round/>
          <a:headEnd type="none" w="med" len="med"/>
          <a:tailEnd type="none" w="med" len="med"/>
        </a:ln>
        <a:effectLst/>
      </xdr:spPr>
      <xdr:txBody>
        <a:bodyPr vertOverflow="clip" horzOverflow="overflow" wrap="square" lIns="18288" tIns="0" rIns="0" bIns="0" rtlCol="0" anchor="ctr" upright="1"/>
        <a:lstStyle/>
        <a:p>
          <a:pPr algn="l"/>
          <a:endParaRPr kumimoji="1" lang="ja-JP" altLang="en-US" sz="800"/>
        </a:p>
      </xdr:txBody>
    </xdr:sp>
    <xdr:clientData/>
  </xdr:twoCellAnchor>
  <xdr:twoCellAnchor>
    <xdr:from xmlns:xdr="http://schemas.openxmlformats.org/drawingml/2006/spreadsheetDrawing">
      <xdr:col>12</xdr:col>
      <xdr:colOff>151765</xdr:colOff>
      <xdr:row>6</xdr:row>
      <xdr:rowOff>161290</xdr:rowOff>
    </xdr:from>
    <xdr:to xmlns:xdr="http://schemas.openxmlformats.org/drawingml/2006/spreadsheetDrawing">
      <xdr:col>16</xdr:col>
      <xdr:colOff>84455</xdr:colOff>
      <xdr:row>8</xdr:row>
      <xdr:rowOff>58420</xdr:rowOff>
    </xdr:to>
    <xdr:sp macro="" textlink="">
      <xdr:nvSpPr>
        <xdr:cNvPr id="29" name="テキスト ボックス 28"/>
        <xdr:cNvSpPr txBox="1"/>
      </xdr:nvSpPr>
      <xdr:spPr>
        <a:xfrm>
          <a:off x="2580640" y="1798955"/>
          <a:ext cx="732790" cy="40894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defRPr/>
          </a:pPr>
          <a:r>
            <a:rPr kumimoji="1" lang="ja-JP" altLang="en-US" sz="900" b="1">
              <a:solidFill>
                <a:schemeClr val="dk1"/>
              </a:solidFill>
              <a:effectLst/>
              <a:latin typeface="+mn-lt"/>
              <a:ea typeface="+mn-ea"/>
              <a:cs typeface="+mn-cs"/>
            </a:rPr>
            <a:t>紙の場合</a:t>
          </a:r>
          <a:endParaRPr kumimoji="1" lang="en-US" altLang="ja-JP" sz="9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defRPr/>
          </a:pPr>
          <a:r>
            <a:rPr kumimoji="1" lang="ja-JP" altLang="ja-JP" sz="900" b="1">
              <a:solidFill>
                <a:schemeClr val="dk1"/>
              </a:solidFill>
              <a:effectLst/>
              <a:latin typeface="+mn-lt"/>
              <a:ea typeface="+mn-ea"/>
              <a:cs typeface="+mn-cs"/>
            </a:rPr>
            <a:t>提出不要</a:t>
          </a:r>
          <a:endParaRPr lang="ja-JP" altLang="ja-JP" sz="900" b="1">
            <a:effectLst/>
          </a:endParaRPr>
        </a:p>
      </xdr:txBody>
    </xdr:sp>
    <xdr:clientData/>
  </xdr:twoCellAnchor>
  <xdr:twoCellAnchor>
    <xdr:from xmlns:xdr="http://schemas.openxmlformats.org/drawingml/2006/spreadsheetDrawing">
      <xdr:col>24</xdr:col>
      <xdr:colOff>2094230</xdr:colOff>
      <xdr:row>0</xdr:row>
      <xdr:rowOff>72390</xdr:rowOff>
    </xdr:from>
    <xdr:to xmlns:xdr="http://schemas.openxmlformats.org/drawingml/2006/spreadsheetDrawing">
      <xdr:col>26</xdr:col>
      <xdr:colOff>356870</xdr:colOff>
      <xdr:row>1</xdr:row>
      <xdr:rowOff>213995</xdr:rowOff>
    </xdr:to>
    <xdr:sp macro="" textlink="">
      <xdr:nvSpPr>
        <xdr:cNvPr id="3" name="テキスト ボックス 2"/>
        <xdr:cNvSpPr txBox="1"/>
      </xdr:nvSpPr>
      <xdr:spPr>
        <a:xfrm>
          <a:off x="9501505" y="72390"/>
          <a:ext cx="2015490" cy="397510"/>
        </a:xfrm>
        <a:prstGeom prst="rect">
          <a:avLst/>
        </a:prstGeom>
        <a:solidFill>
          <a:schemeClr val="lt1"/>
        </a:solidFill>
        <a:ln w="9525" cmpd="sng">
          <a:solidFill>
            <a:sysClr val="windowText" lastClr="00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pPr algn="ctr"/>
          <a:r>
            <a:rPr kumimoji="1" lang="ja-JP" altLang="en-US" sz="1600"/>
            <a:t>別紙様式３</a:t>
          </a:r>
          <a:endParaRPr kumimoji="1" lang="ja-JP" altLang="en-US" sz="1100"/>
        </a:p>
      </xdr:txBody>
    </xdr:sp>
    <xdr:clientData/>
  </xdr:twoCellAnchor>
  <xdr:twoCellAnchor>
    <xdr:from xmlns:xdr="http://schemas.openxmlformats.org/drawingml/2006/spreadsheetDrawing">
      <xdr:col>28</xdr:col>
      <xdr:colOff>29210</xdr:colOff>
      <xdr:row>16</xdr:row>
      <xdr:rowOff>376555</xdr:rowOff>
    </xdr:from>
    <xdr:to xmlns:xdr="http://schemas.openxmlformats.org/drawingml/2006/spreadsheetDrawing">
      <xdr:col>36</xdr:col>
      <xdr:colOff>108585</xdr:colOff>
      <xdr:row>28</xdr:row>
      <xdr:rowOff>165735</xdr:rowOff>
    </xdr:to>
    <xdr:sp macro="" textlink="">
      <xdr:nvSpPr>
        <xdr:cNvPr id="30" name="図形 35"/>
        <xdr:cNvSpPr/>
      </xdr:nvSpPr>
      <xdr:spPr>
        <a:xfrm>
          <a:off x="11756390" y="4797425"/>
          <a:ext cx="5669280" cy="3290570"/>
        </a:xfrm>
        <a:prstGeom prst="flowChartProcess">
          <a:avLst/>
        </a:prstGeom>
        <a:solidFill>
          <a:srgbClr val="CDFFFF"/>
        </a:solidFill>
        <a:ln w="6350" cap="flat" cmpd="sng" algn="ctr">
          <a:solidFill>
            <a:sysClr val="windowText" lastClr="000000"/>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a:lstStyle/>
        <a:p>
          <a:pPr algn="ctr"/>
          <a:r>
            <a:rPr kumimoji="1" lang="ja-JP" altLang="en-US" sz="1400" b="1">
              <a:solidFill>
                <a:srgbClr val="002060"/>
              </a:solidFill>
            </a:rPr>
            <a:t>広島県提出用</a:t>
          </a:r>
          <a:endParaRPr kumimoji="1" lang="ja-JP" altLang="en-US" sz="1400" b="1">
            <a:solidFill>
              <a:srgbClr val="002060"/>
            </a:solidFill>
          </a:endParaRPr>
        </a:p>
        <a:p>
          <a:pPr algn="ctr"/>
          <a:r>
            <a:rPr kumimoji="1" lang="ja-JP" altLang="en-US" sz="1400" b="1">
              <a:solidFill>
                <a:srgbClr val="002060"/>
              </a:solidFill>
            </a:rPr>
            <a:t>介護事業所実績報告書</a:t>
          </a:r>
          <a:endParaRPr kumimoji="1" lang="ja-JP" altLang="en-US" sz="1400" b="1">
            <a:solidFill>
              <a:srgbClr val="002060"/>
            </a:solidFill>
          </a:endParaRPr>
        </a:p>
        <a:p>
          <a:endParaRPr kumimoji="1" lang="ja-JP" altLang="en-US">
            <a:solidFill>
              <a:srgbClr val="002060"/>
            </a:solidFill>
          </a:endParaRPr>
        </a:p>
        <a:p>
          <a:r>
            <a:rPr kumimoji="1" lang="ja-JP" altLang="en-US">
              <a:solidFill>
                <a:srgbClr val="002060"/>
              </a:solidFill>
            </a:rPr>
            <a:t>　</a:t>
          </a:r>
          <a:r>
            <a:rPr kumimoji="1" lang="ja-JP" altLang="en-US" sz="1200">
              <a:solidFill>
                <a:srgbClr val="002060"/>
              </a:solidFill>
            </a:rPr>
            <a:t>●記入上の留意事項</a:t>
          </a:r>
          <a:endParaRPr kumimoji="1" lang="ja-JP" altLang="en-US" sz="1200">
            <a:solidFill>
              <a:srgbClr val="002060"/>
            </a:solidFill>
          </a:endParaRPr>
        </a:p>
        <a:p>
          <a:r>
            <a:rPr kumimoji="1" lang="ja-JP" altLang="en-US" sz="1200">
              <a:solidFill>
                <a:srgbClr val="002060"/>
              </a:solidFill>
            </a:rPr>
            <a:t>　　２　基本情報</a:t>
          </a:r>
          <a:endParaRPr kumimoji="1" lang="ja-JP" altLang="en-US" sz="1200">
            <a:solidFill>
              <a:srgbClr val="002060"/>
            </a:solidFill>
          </a:endParaRPr>
        </a:p>
        <a:p>
          <a:r>
            <a:rPr kumimoji="1" lang="ja-JP" altLang="en-US" sz="1200">
              <a:solidFill>
                <a:srgbClr val="002060"/>
              </a:solidFill>
            </a:rPr>
            <a:t>　　　　法人名：</a:t>
          </a:r>
          <a:r>
            <a:rPr kumimoji="1" lang="ja-JP" altLang="en-US" sz="1200">
              <a:solidFill>
                <a:srgbClr val="FF0000"/>
              </a:solidFill>
            </a:rPr>
            <a:t>法人本部の名称</a:t>
          </a:r>
          <a:endParaRPr kumimoji="1" lang="ja-JP" altLang="en-US" sz="1200">
            <a:solidFill>
              <a:srgbClr val="FF0000"/>
            </a:solidFill>
          </a:endParaRPr>
        </a:p>
        <a:p>
          <a:r>
            <a:rPr kumimoji="1" lang="ja-JP" altLang="en-US" sz="1200">
              <a:solidFill>
                <a:srgbClr val="002060"/>
              </a:solidFill>
            </a:rPr>
            <a:t>  　　　 法人住所：</a:t>
          </a:r>
          <a:r>
            <a:rPr kumimoji="1" lang="ja-JP" altLang="en-US" sz="1200">
              <a:solidFill>
                <a:srgbClr val="FF0000"/>
              </a:solidFill>
            </a:rPr>
            <a:t>法人本部所在地</a:t>
          </a:r>
          <a:endParaRPr kumimoji="1" lang="ja-JP" altLang="en-US" sz="1200">
            <a:solidFill>
              <a:srgbClr val="002060"/>
            </a:solidFill>
          </a:endParaRPr>
        </a:p>
        <a:p>
          <a:r>
            <a:rPr kumimoji="1" lang="ja-JP" altLang="en-US" sz="1200">
              <a:solidFill>
                <a:srgbClr val="002060"/>
              </a:solidFill>
            </a:rPr>
            <a:t>   　　　代表者職名：</a:t>
          </a:r>
          <a:r>
            <a:rPr kumimoji="1" lang="ja-JP" altLang="en-US" sz="1200">
              <a:solidFill>
                <a:srgbClr val="FF0000"/>
              </a:solidFill>
            </a:rPr>
            <a:t>代表者の肩書</a:t>
          </a:r>
          <a:endParaRPr kumimoji="1" lang="ja-JP" altLang="en-US" sz="1200">
            <a:solidFill>
              <a:srgbClr val="002060"/>
            </a:solidFill>
          </a:endParaRPr>
        </a:p>
        <a:p>
          <a:r>
            <a:rPr kumimoji="1" lang="ja-JP" altLang="en-US" sz="1200">
              <a:solidFill>
                <a:srgbClr val="002060"/>
              </a:solidFill>
            </a:rPr>
            <a:t>　　　　書類作成担当者：</a:t>
          </a:r>
          <a:r>
            <a:rPr kumimoji="1" lang="ja-JP" altLang="en-US" sz="1200">
              <a:solidFill>
                <a:srgbClr val="FF0000"/>
              </a:solidFill>
            </a:rPr>
            <a:t>法人勤務担当者以外の場合、所属名称等も記載</a:t>
          </a:r>
          <a:endParaRPr kumimoji="1" lang="ja-JP" altLang="en-US" sz="1200">
            <a:solidFill>
              <a:srgbClr val="FF0000"/>
            </a:solidFill>
          </a:endParaRPr>
        </a:p>
        <a:p>
          <a:r>
            <a:rPr kumimoji="1" lang="ja-JP" altLang="en-US" sz="1200">
              <a:solidFill>
                <a:srgbClr val="002060"/>
              </a:solidFill>
            </a:rPr>
            <a:t>　　　　　　　　　　　　　</a:t>
          </a:r>
          <a:r>
            <a:rPr kumimoji="1" lang="ja-JP" altLang="en-US" sz="1200">
              <a:solidFill>
                <a:srgbClr val="FF0000"/>
              </a:solidFill>
            </a:rPr>
            <a:t>（例：○○会計事務所、△△社労士事務所）</a:t>
          </a:r>
          <a:endParaRPr kumimoji="1" lang="ja-JP" altLang="en-US" sz="1200">
            <a:solidFill>
              <a:srgbClr val="FF0000"/>
            </a:solidFill>
          </a:endParaRPr>
        </a:p>
        <a:p>
          <a:r>
            <a:rPr kumimoji="1" lang="ja-JP" altLang="en-US" sz="1200">
              <a:solidFill>
                <a:srgbClr val="002060"/>
              </a:solidFill>
            </a:rPr>
            <a:t>　　　　連絡先：</a:t>
          </a:r>
          <a:r>
            <a:rPr kumimoji="1" lang="ja-JP" altLang="en-US" sz="1200">
              <a:solidFill>
                <a:srgbClr val="FF0000"/>
              </a:solidFill>
            </a:rPr>
            <a:t>必ず日中、対応可能な番号を記載</a:t>
          </a:r>
          <a:endParaRPr kumimoji="1" lang="ja-JP" altLang="en-US" sz="1200">
            <a:solidFill>
              <a:srgbClr val="FF0000"/>
            </a:solidFill>
          </a:endParaRPr>
        </a:p>
        <a:p>
          <a:r>
            <a:rPr kumimoji="1" lang="ja-JP" altLang="en-US" sz="1200">
              <a:solidFill>
                <a:srgbClr val="002060"/>
              </a:solidFill>
            </a:rPr>
            <a:t> 　　 ３　事業所情報</a:t>
          </a:r>
          <a:endParaRPr kumimoji="1" lang="ja-JP" altLang="en-US" sz="1200">
            <a:solidFill>
              <a:srgbClr val="002060"/>
            </a:solidFill>
          </a:endParaRPr>
        </a:p>
        <a:p>
          <a:r>
            <a:rPr kumimoji="1" lang="ja-JP" altLang="en-US" sz="1200">
              <a:solidFill>
                <a:srgbClr val="002060"/>
              </a:solidFill>
            </a:rPr>
            <a:t>　　　　　指定権者及び事業所情報：</a:t>
          </a:r>
          <a:r>
            <a:rPr kumimoji="1" lang="ja-JP" altLang="en-US" sz="1200">
              <a:solidFill>
                <a:srgbClr val="FF0000"/>
              </a:solidFill>
            </a:rPr>
            <a:t>広島県だけの指定権者及び事業所情報を記載</a:t>
          </a:r>
          <a:endParaRPr kumimoji="1" lang="ja-JP" altLang="en-US" sz="1200">
            <a:solidFill>
              <a:srgbClr val="002060"/>
            </a:solidFill>
          </a:endParaRPr>
        </a:p>
        <a:p>
          <a:r>
            <a:rPr kumimoji="1" lang="ja-JP" altLang="en-US" sz="1200">
              <a:solidFill>
                <a:srgbClr val="002060"/>
              </a:solidFill>
            </a:rPr>
            <a:t>　　　　　</a:t>
          </a:r>
          <a:r>
            <a:rPr kumimoji="1" lang="ja-JP" altLang="en-US" sz="1200">
              <a:solidFill>
                <a:srgbClr val="FF0000"/>
              </a:solidFill>
            </a:rPr>
            <a:t>補助金申請時の事業所とサービスの記載が必要</a:t>
          </a:r>
          <a:endParaRPr kumimoji="1" lang="ja-JP" altLang="en-US" sz="1200">
            <a:solidFill>
              <a:srgbClr val="002060"/>
            </a:solidFill>
          </a:endParaRPr>
        </a:p>
        <a:p>
          <a:endParaRPr kumimoji="1" lang="ja-JP" altLang="en-US" sz="1200">
            <a:solidFill>
              <a:srgbClr val="002060"/>
            </a:solidFill>
          </a:endParaRPr>
        </a:p>
        <a:p>
          <a:endParaRPr kumimoji="1" lang="ja-JP" altLang="en-US">
            <a:solidFill>
              <a:srgbClr val="002060"/>
            </a:solidFill>
          </a:endParaRPr>
        </a:p>
        <a:p>
          <a:endParaRPr kumimoji="1" lang="ja-JP" altLang="en-US">
            <a:solidFill>
              <a:srgbClr val="00206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mlns:xdr="http://schemas.openxmlformats.org/drawingml/2006/spreadsheetDrawing">
      <xdr:col>36</xdr:col>
      <xdr:colOff>183515</xdr:colOff>
      <xdr:row>6</xdr:row>
      <xdr:rowOff>88265</xdr:rowOff>
    </xdr:from>
    <xdr:to xmlns:xdr="http://schemas.openxmlformats.org/drawingml/2006/spreadsheetDrawing">
      <xdr:col>44</xdr:col>
      <xdr:colOff>675005</xdr:colOff>
      <xdr:row>11</xdr:row>
      <xdr:rowOff>92075</xdr:rowOff>
    </xdr:to>
    <xdr:sp macro="" textlink="">
      <xdr:nvSpPr>
        <xdr:cNvPr id="2" name="正方形/長方形 1"/>
        <xdr:cNvSpPr/>
      </xdr:nvSpPr>
      <xdr:spPr>
        <a:xfrm>
          <a:off x="7422515" y="1059815"/>
          <a:ext cx="5603240" cy="94678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様式３－１、３－２）</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a:t>
          </a:r>
          <a:r>
            <a:rPr kumimoji="1" lang="ja-JP" altLang="en-US" sz="1100">
              <a:solidFill>
                <a:srgbClr val="FF0000"/>
              </a:solidFill>
            </a:rPr>
            <a:t>補助金の支給に必要な情報　入力セル</a:t>
          </a:r>
          <a:endParaRPr kumimoji="1" lang="en-US" altLang="ja-JP" sz="1100">
            <a:solidFill>
              <a:srgbClr val="FF0000"/>
            </a:solidFill>
          </a:endParaRPr>
        </a:p>
      </xdr:txBody>
    </xdr:sp>
    <xdr:clientData/>
  </xdr:twoCellAnchor>
  <xdr:twoCellAnchor>
    <xdr:from xmlns:xdr="http://schemas.openxmlformats.org/drawingml/2006/spreadsheetDrawing">
      <xdr:col>37</xdr:col>
      <xdr:colOff>45085</xdr:colOff>
      <xdr:row>9</xdr:row>
      <xdr:rowOff>127000</xdr:rowOff>
    </xdr:from>
    <xdr:to xmlns:xdr="http://schemas.openxmlformats.org/drawingml/2006/spreadsheetDrawing">
      <xdr:col>37</xdr:col>
      <xdr:colOff>378460</xdr:colOff>
      <xdr:row>10</xdr:row>
      <xdr:rowOff>115570</xdr:rowOff>
    </xdr:to>
    <xdr:sp macro="" textlink="">
      <xdr:nvSpPr>
        <xdr:cNvPr id="3" name="正方形/長方形 2"/>
        <xdr:cNvSpPr/>
      </xdr:nvSpPr>
      <xdr:spPr>
        <a:xfrm>
          <a:off x="7595235" y="1698625"/>
          <a:ext cx="333375" cy="140970"/>
        </a:xfrm>
        <a:prstGeom prst="rect">
          <a:avLst/>
        </a:prstGeom>
        <a:solidFill>
          <a:schemeClr val="accent4">
            <a:lumMod val="20000"/>
            <a:lumOff val="80000"/>
          </a:schemeClr>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mlns:xdr="http://schemas.openxmlformats.org/drawingml/2006/spreadsheetDrawing">
          <xdr:col>1</xdr:col>
          <xdr:colOff>190500</xdr:colOff>
          <xdr:row>26</xdr:row>
          <xdr:rowOff>190500</xdr:rowOff>
        </xdr:from>
        <xdr:to xmlns:xdr="http://schemas.openxmlformats.org/drawingml/2006/spreadsheetDrawing">
          <xdr:col>2</xdr:col>
          <xdr:colOff>25400</xdr:colOff>
          <xdr:row>28</xdr:row>
          <xdr:rowOff>151765</xdr:rowOff>
        </xdr:to>
        <xdr:sp textlink="">
          <xdr:nvSpPr>
            <xdr:cNvPr id="22534" name="チェック 6" hidden="1">
              <a:extLst>
                <a:ext uri="{63B3BB69-23CF-44E3-9099-C40C66FF867C}">
                  <a14:compatExt spid="_x0000_s22534"/>
                </a:ext>
              </a:extLst>
            </xdr:cNvPr>
            <xdr:cNvSpPr>
              <a:spLocks noRot="1" noChangeShapeType="1"/>
            </xdr:cNvSpPr>
          </xdr:nvSpPr>
          <xdr:spPr>
            <a:xfrm>
              <a:off x="377190" y="6783705"/>
              <a:ext cx="34925" cy="389890"/>
            </a:xfrm>
            <a:prstGeom prst="rect"/>
          </xdr:spPr>
        </xdr:sp>
        <xdr:clientData/>
      </xdr:twoCellAnchor>
    </mc:Choice>
    <mc:Fallback/>
  </mc:AlternateContent>
  <mc:AlternateContent xmlns:mc="http://schemas.openxmlformats.org/markup-compatibility/2006">
    <mc:Choice xmlns:a14="http://schemas.microsoft.com/office/drawing/2010/main" Requires="a14">
      <xdr:twoCellAnchor editAs="oneCell">
        <xdr:from xmlns:xdr="http://schemas.openxmlformats.org/drawingml/2006/spreadsheetDrawing">
          <xdr:col>1</xdr:col>
          <xdr:colOff>190500</xdr:colOff>
          <xdr:row>32</xdr:row>
          <xdr:rowOff>238125</xdr:rowOff>
        </xdr:from>
        <xdr:to xmlns:xdr="http://schemas.openxmlformats.org/drawingml/2006/spreadsheetDrawing">
          <xdr:col>2</xdr:col>
          <xdr:colOff>25400</xdr:colOff>
          <xdr:row>33</xdr:row>
          <xdr:rowOff>387985</xdr:rowOff>
        </xdr:to>
        <xdr:sp textlink="">
          <xdr:nvSpPr>
            <xdr:cNvPr id="22536" name="チェック 8" hidden="1">
              <a:extLst>
                <a:ext uri="{63B3BB69-23CF-44E3-9099-C40C66FF867C}">
                  <a14:compatExt spid="_x0000_s22536"/>
                </a:ext>
              </a:extLst>
            </xdr:cNvPr>
            <xdr:cNvSpPr>
              <a:spLocks noRot="1" noChangeShapeType="1"/>
            </xdr:cNvSpPr>
          </xdr:nvSpPr>
          <xdr:spPr>
            <a:xfrm>
              <a:off x="377190" y="8265160"/>
              <a:ext cx="34925" cy="387985"/>
            </a:xfrm>
            <a:prstGeom prst="rect"/>
          </xdr:spPr>
        </xdr:sp>
        <xdr:clientData/>
      </xdr:twoCellAnchor>
    </mc:Choice>
    <mc:Fallback/>
  </mc:AlternateContent>
</xdr:wsDr>
</file>

<file path=xl/externalLinks/_rels/externalLink1.xml.rels><?xml version="1.0" encoding="UTF-8"?><Relationships xmlns="http://schemas.openxmlformats.org/package/2006/relationships"><Relationship Id="rId1" Type="http://schemas.openxmlformats.org/officeDocument/2006/relationships/externalLinkPath" Target="file:///\\lw-dce05filsv11\profil01\FolderRedirect\s5530\Downloads\&#35352;&#36617;&#20363;&#65288;&#26356;&#26032;&#65289;xlsx.xlsx" TargetMode="External" /></Relationships>
</file>

<file path=xl/externalLinks/externalLink1.xml><?xml version="1.0" encoding="utf-8"?>
<externalLink xmlns="http://schemas.openxmlformats.org/spreadsheetml/2006/main">
  <externalBook xmlns:r="http://schemas.openxmlformats.org/officeDocument/2006/relationships" r:id="rId1">
    <sheetNames>
      <sheetName val="基本情報入力シート"/>
      <sheetName val="別紙様式3-1（基本情報）"/>
      <sheetName val="別紙様式3-2（個票）"/>
      <sheetName val="【参考】数式用"/>
    </sheetNames>
    <sheetDataSet>
      <sheetData sheetId="0"/>
      <sheetData sheetId="1"/>
      <sheetData sheetId="2"/>
      <sheetData sheetId="3">
        <row r="3">
          <cell r="A3" t="str">
            <v>訪問介護</v>
          </cell>
          <cell r="B3" t="str">
            <v>11</v>
          </cell>
        </row>
        <row r="4">
          <cell r="A4" t="str">
            <v>夜間対応型訪問介護</v>
          </cell>
          <cell r="B4" t="str">
            <v>71</v>
          </cell>
        </row>
        <row r="5">
          <cell r="A5" t="str">
            <v>定期巡回・随時対応型訪問介護看護</v>
          </cell>
          <cell r="B5" t="str">
            <v>76</v>
          </cell>
        </row>
        <row r="6">
          <cell r="A6" t="str">
            <v>訪問入浴介護</v>
          </cell>
          <cell r="B6" t="str">
            <v>12</v>
          </cell>
        </row>
        <row r="7">
          <cell r="A7" t="str">
            <v>介護予防訪問入浴介護</v>
          </cell>
          <cell r="B7" t="str">
            <v>62</v>
          </cell>
        </row>
        <row r="8">
          <cell r="A8" t="str">
            <v>通所介護</v>
          </cell>
          <cell r="B8" t="str">
            <v>15</v>
          </cell>
        </row>
        <row r="9">
          <cell r="A9" t="str">
            <v>地域密着型通所介護</v>
          </cell>
          <cell r="B9" t="str">
            <v>78</v>
          </cell>
        </row>
        <row r="10">
          <cell r="A10" t="str">
            <v>通所リハビリテーション</v>
          </cell>
          <cell r="B10" t="str">
            <v>16</v>
          </cell>
        </row>
        <row r="11">
          <cell r="A11" t="str">
            <v>介護予防通所リハビリテーション</v>
          </cell>
          <cell r="B11" t="str">
            <v>66</v>
          </cell>
        </row>
        <row r="12">
          <cell r="A12" t="str">
            <v>特定施設入居者生活介護</v>
          </cell>
          <cell r="B12" t="str">
            <v>33</v>
          </cell>
        </row>
        <row r="13">
          <cell r="A13" t="str">
            <v>特定施設入居者生活介護（短期利用型）</v>
          </cell>
          <cell r="B13" t="str">
            <v>27</v>
          </cell>
        </row>
        <row r="14">
          <cell r="A14" t="str">
            <v>介護予防特定施設入居者生活介護</v>
          </cell>
          <cell r="B14" t="str">
            <v>35</v>
          </cell>
        </row>
        <row r="15">
          <cell r="A15" t="str">
            <v>地域密着型特定施設入居者生活介護</v>
          </cell>
          <cell r="B15" t="str">
            <v>36</v>
          </cell>
        </row>
        <row r="16">
          <cell r="A16" t="str">
            <v>地域密着型特定施設入居者生活介護（短期利用型）</v>
          </cell>
          <cell r="B16" t="str">
            <v>28</v>
          </cell>
        </row>
        <row r="17">
          <cell r="A17" t="str">
            <v>認知症対応型通所介護</v>
          </cell>
          <cell r="B17" t="str">
            <v>72</v>
          </cell>
        </row>
        <row r="18">
          <cell r="A18" t="str">
            <v>介護予防認知症対応型通所介護</v>
          </cell>
          <cell r="B18" t="str">
            <v>74</v>
          </cell>
        </row>
        <row r="19">
          <cell r="A19" t="str">
            <v>小規模多機能型居宅介護</v>
          </cell>
          <cell r="B19" t="str">
            <v>73</v>
          </cell>
        </row>
        <row r="20">
          <cell r="A20" t="str">
            <v>小規模多機能型居宅介護（短期利用型）</v>
          </cell>
          <cell r="B20" t="str">
            <v>68</v>
          </cell>
        </row>
        <row r="21">
          <cell r="A21" t="str">
            <v>介護予防小規模多機能型居宅介護</v>
          </cell>
          <cell r="B21" t="str">
            <v>75</v>
          </cell>
        </row>
        <row r="22">
          <cell r="A22" t="str">
            <v>介護予防小規模多機能型居宅介護（短期利用型）</v>
          </cell>
          <cell r="B22" t="str">
            <v>69</v>
          </cell>
        </row>
        <row r="23">
          <cell r="A23" t="str">
            <v>複合型サービス（看護小規模多機能型居宅介護）</v>
          </cell>
          <cell r="B23" t="str">
            <v>77</v>
          </cell>
        </row>
        <row r="24">
          <cell r="A24" t="str">
            <v>複合型サービス（看護小規模多機能型居宅介護・短期利用型）</v>
          </cell>
          <cell r="B24" t="str">
            <v>79</v>
          </cell>
        </row>
        <row r="25">
          <cell r="A25" t="str">
            <v>認知症対応型共同生活介護</v>
          </cell>
          <cell r="B25" t="str">
            <v>32</v>
          </cell>
        </row>
        <row r="26">
          <cell r="A26" t="str">
            <v>認知症対応型共同生活介護（短期利用型）</v>
          </cell>
          <cell r="B26" t="str">
            <v>38</v>
          </cell>
        </row>
        <row r="27">
          <cell r="A27" t="str">
            <v>介護予防認知症対応型共同生活介護</v>
          </cell>
          <cell r="B27" t="str">
            <v>37</v>
          </cell>
        </row>
        <row r="28">
          <cell r="A28" t="str">
            <v>介護予防認知症対応型共同生活介護（短期利用型）</v>
          </cell>
          <cell r="B28" t="str">
            <v>39</v>
          </cell>
        </row>
        <row r="29">
          <cell r="A29" t="str">
            <v>介護老人福祉施設サービス</v>
          </cell>
          <cell r="B29" t="str">
            <v>51</v>
          </cell>
        </row>
        <row r="30">
          <cell r="A30" t="str">
            <v>地域密着型介護老人福祉施設</v>
          </cell>
          <cell r="B30" t="str">
            <v>54</v>
          </cell>
        </row>
        <row r="31">
          <cell r="A31" t="str">
            <v>短期入所生活介護</v>
          </cell>
          <cell r="B31" t="str">
            <v>21</v>
          </cell>
        </row>
        <row r="32">
          <cell r="A32" t="str">
            <v>介護予防短期入所生活介護</v>
          </cell>
          <cell r="B32" t="str">
            <v>24</v>
          </cell>
        </row>
        <row r="33">
          <cell r="A33" t="str">
            <v>介護老人保健施設サービス</v>
          </cell>
          <cell r="B33" t="str">
            <v>52</v>
          </cell>
        </row>
        <row r="34">
          <cell r="A34" t="str">
            <v>短期入所療養介護（介護老人保健施設）</v>
          </cell>
          <cell r="B34" t="str">
            <v>22</v>
          </cell>
        </row>
        <row r="35">
          <cell r="A35" t="str">
            <v>介護予防短期入所療養介護（介護老人保健施設）</v>
          </cell>
          <cell r="B35" t="str">
            <v>25</v>
          </cell>
        </row>
        <row r="36">
          <cell r="A36" t="str">
            <v>短期入所療養介護 （病院等（老健以外）)</v>
          </cell>
          <cell r="B36" t="str">
            <v>23</v>
          </cell>
        </row>
        <row r="37">
          <cell r="A37" t="str">
            <v>介護予防短期入所療養介護 （病院等（老健以外）)</v>
          </cell>
          <cell r="B37" t="str">
            <v>26</v>
          </cell>
        </row>
        <row r="38">
          <cell r="A38" t="str">
            <v>介護医療院サービス</v>
          </cell>
          <cell r="B38" t="str">
            <v>55</v>
          </cell>
        </row>
        <row r="39">
          <cell r="A39" t="str">
            <v>短期入所療養介護（介護医療院）</v>
          </cell>
          <cell r="B39" t="str">
            <v>2A</v>
          </cell>
        </row>
        <row r="40">
          <cell r="A40" t="str">
            <v>介護予防短期入所療養介護（介護医療院）</v>
          </cell>
          <cell r="B40" t="str">
            <v>2B</v>
          </cell>
        </row>
        <row r="41">
          <cell r="A41" t="str">
            <v>訪問型サービス（独自）</v>
          </cell>
          <cell r="B41" t="str">
            <v>A2</v>
          </cell>
        </row>
        <row r="42">
          <cell r="A42" t="str">
            <v>訪問型サービス（独自／定率）</v>
          </cell>
          <cell r="B42" t="str">
            <v>A3</v>
          </cell>
        </row>
        <row r="43">
          <cell r="A43" t="str">
            <v>訪問型サービス（独自／定額）</v>
          </cell>
          <cell r="B43" t="str">
            <v>A4</v>
          </cell>
        </row>
        <row r="44">
          <cell r="A44" t="str">
            <v>通所型サービス（独自）</v>
          </cell>
          <cell r="B44" t="str">
            <v>A6</v>
          </cell>
        </row>
        <row r="45">
          <cell r="A45" t="str">
            <v>通所型サービス（独自／定率）</v>
          </cell>
          <cell r="B45" t="str">
            <v>A7</v>
          </cell>
        </row>
        <row r="46">
          <cell r="A46" t="str">
            <v>通所型サービス（独自／定額）</v>
          </cell>
          <cell r="B46" t="str">
            <v>A8</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Relationships xmlns="http://schemas.openxmlformats.org/package/2006/relationships"><Relationship Id="rId1" Type="http://schemas.openxmlformats.org/officeDocument/2006/relationships/printerSettings" Target="../printerSettings/printerSettings1.bin" /><Relationship Id="rId2" Type="http://schemas.openxmlformats.org/officeDocument/2006/relationships/drawing" Target="../drawings/drawing1.xml" /><Relationship Id="rId3" Type="http://schemas.openxmlformats.org/officeDocument/2006/relationships/vmlDrawing" Target="../drawings/vmlDrawing1.vml" /><Relationship Id="rId4" Type="http://schemas.openxmlformats.org/officeDocument/2006/relationships/comments" Target="../comments1.xml" /></Relationships>
</file>

<file path=xl/worksheets/_rels/sheet2.xml.rels><?xml version="1.0" encoding="UTF-8"?><Relationships xmlns="http://schemas.openxmlformats.org/package/2006/relationships"><Relationship Id="rId1" Type="http://schemas.openxmlformats.org/officeDocument/2006/relationships/printerSettings" Target="../printerSettings/printerSettings2.bin" /><Relationship Id="rId2" Type="http://schemas.openxmlformats.org/officeDocument/2006/relationships/drawing" Target="../drawings/drawing2.xml" /><Relationship Id="rId3" Type="http://schemas.openxmlformats.org/officeDocument/2006/relationships/vmlDrawing" Target="../drawings/vmlDrawing2.vml" /><Relationship Id="rId4" Type="http://schemas.openxmlformats.org/officeDocument/2006/relationships/ctrlProp" Target="../ctrlProps/ctrlProp1.xml" /><Relationship Id="rId5" Type="http://schemas.openxmlformats.org/officeDocument/2006/relationships/ctrlProp" Target="../ctrlProps/ctrlProp2.xml" /><Relationship Id="rId6" Type="http://schemas.openxmlformats.org/officeDocument/2006/relationships/comments" Target="../comments2.xml" /></Relationships>
</file>

<file path=xl/worksheets/_rels/sheet3.xml.rels><?xml version="1.0" encoding="UTF-8"?><Relationships xmlns="http://schemas.openxmlformats.org/package/2006/relationships"><Relationship Id="rId1" Type="http://schemas.openxmlformats.org/officeDocument/2006/relationships/printerSettings" Target="../printerSettings/printerSettings3.bin" /><Relationship Id="rId2" Type="http://schemas.openxmlformats.org/officeDocument/2006/relationships/vmlDrawing" Target="../drawings/vmlDrawing3.vml" /><Relationship Id="rId3" Type="http://schemas.openxmlformats.org/officeDocument/2006/relationships/comments" Target="../comments3.xml" /></Relationships>
</file>

<file path=xl/worksheets/_rels/sheet4.xml.rels><?xml version="1.0" encoding="UTF-8"?><Relationships xmlns="http://schemas.openxmlformats.org/package/2006/relationships"><Relationship Id="rId1" Type="http://schemas.openxmlformats.org/officeDocument/2006/relationships/printerSettings" Target="../printerSettings/printerSettings4.bin" /></Relationships>
</file>

<file path=xl/worksheets/sheet1.xml><?xml version="1.0" encoding="utf-8"?>
<worksheet xmlns="http://schemas.openxmlformats.org/spreadsheetml/2006/main" xmlns:r="http://schemas.openxmlformats.org/officeDocument/2006/relationships" xmlns:mc="http://schemas.openxmlformats.org/markup-compatibility/2006">
  <sheetPr codeName="Sheet1"/>
  <dimension ref="A1:AO148"/>
  <sheetViews>
    <sheetView showGridLines="0" tabSelected="1" view="pageBreakPreview" topLeftCell="A25" zoomScaleSheetLayoutView="100" workbookViewId="0">
      <selection activeCell="AH33" sqref="AH33"/>
    </sheetView>
  </sheetViews>
  <sheetFormatPr defaultColWidth="9" defaultRowHeight="20.149999999999999" customHeight="1"/>
  <cols>
    <col min="1" max="1" width="4.6328125" customWidth="1"/>
    <col min="2" max="2" width="11" customWidth="1"/>
    <col min="3" max="12" width="1.6328125" customWidth="1"/>
    <col min="13" max="22" width="2.6328125" customWidth="1"/>
    <col min="23" max="23" width="14.08984375" customWidth="1"/>
    <col min="24" max="24" width="25" customWidth="1"/>
    <col min="25" max="25" width="40.6328125" customWidth="1"/>
    <col min="26" max="26" width="8.6328125" customWidth="1"/>
    <col min="27" max="27" width="7.08984375" customWidth="1"/>
    <col min="28" max="28" width="0.36328125" hidden="1" customWidth="1"/>
    <col min="29" max="29" width="10.36328125" bestFit="1" customWidth="1"/>
  </cols>
  <sheetData>
    <row r="1" spans="1:27" ht="20.149999999999999" customHeight="1">
      <c r="A1" s="2" t="s">
        <v>1214</v>
      </c>
      <c r="B1" s="7"/>
    </row>
    <row r="2" spans="1:27" ht="17.25" customHeight="1">
      <c r="A2" s="3"/>
    </row>
    <row r="3" spans="1:27" s="1" customFormat="1" ht="36.65" customHeight="1">
      <c r="A3" s="4" t="s">
        <v>995</v>
      </c>
      <c r="B3" s="4"/>
      <c r="C3" s="4"/>
      <c r="D3" s="4"/>
      <c r="E3" s="4"/>
      <c r="F3" s="4"/>
      <c r="G3" s="4"/>
      <c r="H3" s="4"/>
      <c r="I3" s="4"/>
      <c r="J3" s="4"/>
      <c r="K3" s="4"/>
      <c r="L3" s="4"/>
      <c r="M3" s="4"/>
      <c r="N3" s="4"/>
      <c r="O3" s="4"/>
      <c r="P3" s="4"/>
      <c r="Q3" s="4"/>
      <c r="R3" s="4"/>
      <c r="S3" s="4"/>
      <c r="T3" s="4"/>
      <c r="U3" s="4"/>
      <c r="V3" s="4"/>
      <c r="W3" s="4"/>
      <c r="X3" s="4"/>
      <c r="Y3" s="4"/>
      <c r="Z3" s="4"/>
      <c r="AA3" s="4"/>
    </row>
    <row r="4" spans="1:27" s="1" customFormat="1" ht="30.75" customHeight="1">
      <c r="A4" s="5" t="s">
        <v>13</v>
      </c>
      <c r="B4" s="5"/>
      <c r="C4" s="5"/>
      <c r="D4" s="5"/>
      <c r="E4" s="5"/>
      <c r="F4" s="5"/>
      <c r="G4" s="5"/>
      <c r="H4" s="5"/>
      <c r="I4" s="5"/>
      <c r="J4" s="5"/>
      <c r="K4" s="5"/>
      <c r="L4" s="5"/>
      <c r="M4" s="5"/>
      <c r="N4" s="5"/>
      <c r="O4" s="5"/>
      <c r="P4" s="5"/>
      <c r="Q4" s="5"/>
      <c r="R4" s="5"/>
      <c r="S4" s="5"/>
      <c r="T4" s="5"/>
      <c r="U4" s="5"/>
      <c r="V4" s="5"/>
      <c r="W4" s="5"/>
      <c r="X4" s="5"/>
      <c r="Y4" s="5"/>
      <c r="Z4" s="5"/>
      <c r="AA4" s="5"/>
    </row>
    <row r="5" spans="1:27" ht="9.75" customHeight="1">
      <c r="A5" s="1"/>
      <c r="B5" s="7"/>
      <c r="C5" s="7"/>
      <c r="D5" s="7"/>
      <c r="E5" s="7"/>
      <c r="F5" s="7"/>
      <c r="G5" s="7"/>
      <c r="H5" s="7"/>
      <c r="I5" s="7"/>
      <c r="J5" s="7"/>
      <c r="K5" s="7"/>
      <c r="L5" s="7"/>
      <c r="M5" s="7"/>
      <c r="N5" s="7"/>
      <c r="O5" s="7"/>
      <c r="P5" s="7"/>
      <c r="Q5" s="7"/>
      <c r="R5" s="7"/>
      <c r="S5" s="7"/>
      <c r="T5" s="7"/>
      <c r="U5" s="7"/>
      <c r="V5" s="7"/>
      <c r="W5" s="7"/>
      <c r="X5" s="7"/>
      <c r="Y5" s="7"/>
      <c r="Z5" s="7"/>
      <c r="AA5" s="7"/>
    </row>
    <row r="6" spans="1:27" ht="14.4" customHeight="1">
      <c r="A6" s="4" t="s">
        <v>24</v>
      </c>
      <c r="B6" s="4"/>
      <c r="C6" s="4"/>
      <c r="D6" s="4"/>
      <c r="E6" s="4"/>
      <c r="F6" s="4"/>
      <c r="G6" s="4"/>
      <c r="H6" s="4"/>
      <c r="I6" s="4"/>
      <c r="J6" s="4"/>
      <c r="K6" s="4"/>
      <c r="L6" s="4"/>
      <c r="M6" s="4"/>
      <c r="N6" s="4"/>
      <c r="O6" s="4"/>
      <c r="P6" s="4"/>
      <c r="Q6" s="4"/>
      <c r="R6" s="4"/>
      <c r="S6" s="4"/>
      <c r="T6" s="4"/>
      <c r="U6" s="4"/>
      <c r="V6" s="4"/>
      <c r="W6" s="4"/>
      <c r="X6" s="4"/>
      <c r="Y6" s="4"/>
      <c r="Z6" s="4"/>
      <c r="AA6" s="4"/>
    </row>
    <row r="7" spans="1:27" ht="20.149999999999999" customHeight="1">
      <c r="A7" s="6"/>
      <c r="B7" s="7"/>
      <c r="C7" s="7"/>
      <c r="D7" s="7"/>
      <c r="E7" s="7"/>
      <c r="F7" s="7"/>
      <c r="G7" s="7"/>
      <c r="H7" s="7"/>
      <c r="I7" s="7"/>
      <c r="J7" s="7"/>
      <c r="K7" s="7"/>
      <c r="L7" s="7"/>
      <c r="M7" s="7"/>
      <c r="N7" s="7"/>
      <c r="O7" s="7"/>
      <c r="P7" s="7"/>
      <c r="Q7" s="7"/>
      <c r="R7" s="7"/>
      <c r="S7" s="7"/>
      <c r="T7" s="7"/>
      <c r="U7" s="7"/>
      <c r="V7" s="7"/>
      <c r="W7" s="7"/>
      <c r="X7" s="7"/>
      <c r="Y7" s="7"/>
      <c r="Z7" s="7"/>
      <c r="AA7" s="7"/>
    </row>
    <row r="8" spans="1:27" ht="20.149999999999999" customHeight="1">
      <c r="A8" s="6"/>
      <c r="B8" s="7"/>
      <c r="C8" s="7"/>
      <c r="D8" s="7"/>
      <c r="E8" s="7"/>
      <c r="F8" s="7"/>
      <c r="G8" s="7"/>
      <c r="H8" s="7"/>
      <c r="I8" s="7"/>
      <c r="J8" s="7"/>
      <c r="K8" s="7"/>
      <c r="L8" s="7"/>
      <c r="M8" s="7"/>
      <c r="N8" s="7"/>
      <c r="O8" s="7"/>
      <c r="P8" s="7"/>
      <c r="Q8" s="7"/>
      <c r="R8" s="7"/>
      <c r="S8" s="7"/>
      <c r="T8" s="7"/>
      <c r="U8" s="7"/>
      <c r="V8" s="7"/>
      <c r="W8" s="7"/>
      <c r="X8" s="7"/>
      <c r="Y8" s="7"/>
      <c r="Z8" s="7"/>
      <c r="AA8" s="7"/>
    </row>
    <row r="9" spans="1:27" ht="20.149999999999999" customHeight="1">
      <c r="A9" s="6"/>
      <c r="B9" s="7"/>
      <c r="C9" s="7"/>
      <c r="D9" s="7"/>
      <c r="E9" s="7"/>
      <c r="F9" s="7"/>
      <c r="G9" s="7"/>
      <c r="H9" s="7"/>
      <c r="I9" s="7"/>
      <c r="J9" s="7"/>
      <c r="K9" s="7"/>
      <c r="L9" s="7"/>
      <c r="M9" s="7"/>
      <c r="N9" s="7"/>
      <c r="O9" s="7"/>
      <c r="P9" s="7"/>
      <c r="Q9" s="7"/>
      <c r="R9" s="7"/>
      <c r="S9" s="7"/>
      <c r="T9" s="7"/>
      <c r="U9" s="7"/>
      <c r="V9" s="7"/>
      <c r="W9" s="7"/>
      <c r="X9" s="7"/>
      <c r="Y9" s="7"/>
      <c r="Z9" s="7"/>
      <c r="AA9" s="7"/>
    </row>
    <row r="10" spans="1:27" ht="20.149999999999999" customHeight="1">
      <c r="A10" s="6"/>
      <c r="B10" s="7"/>
      <c r="C10" s="7"/>
      <c r="D10" s="7"/>
      <c r="E10" s="7"/>
      <c r="F10" s="7"/>
      <c r="G10" s="7"/>
      <c r="H10" s="7"/>
      <c r="I10" s="7"/>
      <c r="J10" s="7"/>
      <c r="K10" s="7"/>
      <c r="L10" s="7"/>
      <c r="M10" s="7"/>
      <c r="N10" s="7"/>
      <c r="O10" s="7"/>
      <c r="P10" s="7"/>
      <c r="Q10" s="7"/>
      <c r="R10" s="7"/>
      <c r="S10" s="7"/>
      <c r="T10" s="7"/>
      <c r="U10" s="7"/>
      <c r="V10" s="7"/>
      <c r="W10" s="7"/>
      <c r="X10" s="7"/>
      <c r="Y10" s="7"/>
      <c r="Z10" s="7"/>
      <c r="AA10" s="7"/>
    </row>
    <row r="11" spans="1:27" ht="20.149999999999999" customHeight="1">
      <c r="A11" s="6"/>
      <c r="B11" s="7"/>
      <c r="C11" s="7"/>
      <c r="D11" s="7"/>
      <c r="E11" s="7"/>
      <c r="F11" s="7"/>
      <c r="G11" s="7"/>
      <c r="H11" s="7"/>
      <c r="I11" s="7"/>
      <c r="J11" s="7"/>
      <c r="K11" s="7"/>
      <c r="L11" s="7"/>
      <c r="M11" s="7"/>
      <c r="N11" s="7"/>
      <c r="O11" s="7"/>
      <c r="P11" s="7"/>
      <c r="Q11" s="7"/>
      <c r="R11" s="7"/>
      <c r="S11" s="7"/>
      <c r="T11" s="7"/>
      <c r="U11" s="7"/>
      <c r="V11" s="7"/>
      <c r="W11" s="7"/>
      <c r="X11" s="7"/>
      <c r="Y11" s="7"/>
      <c r="Z11" s="7"/>
      <c r="AA11" s="7"/>
    </row>
    <row r="12" spans="1:27" ht="20.149999999999999" customHeight="1">
      <c r="A12" s="7"/>
      <c r="B12" s="7"/>
      <c r="C12" s="7"/>
      <c r="D12" s="7"/>
      <c r="E12" s="7"/>
      <c r="F12" s="7"/>
      <c r="G12" s="7"/>
      <c r="H12" s="7"/>
      <c r="I12" s="7"/>
      <c r="J12" s="7"/>
      <c r="K12" s="7"/>
      <c r="L12" s="7"/>
      <c r="M12" s="7"/>
      <c r="N12" s="7"/>
      <c r="O12" s="7"/>
      <c r="P12" s="7"/>
      <c r="Q12" s="7"/>
      <c r="R12" s="7"/>
      <c r="S12" s="7"/>
      <c r="T12" s="7"/>
      <c r="U12" s="7"/>
      <c r="V12" s="7"/>
      <c r="W12" s="7"/>
      <c r="X12" s="7"/>
      <c r="Y12" s="7"/>
      <c r="Z12" s="7"/>
      <c r="AA12" s="7"/>
    </row>
    <row r="13" spans="1:27" ht="7.5" customHeight="1">
      <c r="A13" s="7"/>
      <c r="B13" s="7"/>
      <c r="C13" s="7"/>
      <c r="D13" s="7"/>
      <c r="E13" s="7"/>
      <c r="F13" s="7"/>
      <c r="G13" s="7"/>
      <c r="H13" s="7"/>
      <c r="I13" s="7"/>
      <c r="J13" s="7"/>
      <c r="K13" s="7"/>
      <c r="L13" s="7"/>
      <c r="M13" s="7"/>
      <c r="N13" s="7"/>
      <c r="O13" s="7"/>
      <c r="P13" s="7"/>
      <c r="Q13" s="7"/>
      <c r="R13" s="7"/>
      <c r="S13" s="7"/>
      <c r="T13" s="7"/>
      <c r="U13" s="7"/>
      <c r="V13" s="7"/>
      <c r="W13" s="7"/>
      <c r="X13" s="7"/>
      <c r="Y13" s="7"/>
      <c r="Z13" s="7"/>
      <c r="AA13" s="7"/>
    </row>
    <row r="14" spans="1:27" ht="60.75" customHeight="1">
      <c r="A14" s="4" t="s">
        <v>10</v>
      </c>
      <c r="B14" s="4"/>
      <c r="C14" s="4"/>
      <c r="D14" s="4"/>
      <c r="E14" s="4"/>
      <c r="F14" s="4"/>
      <c r="G14" s="4"/>
      <c r="H14" s="4"/>
      <c r="I14" s="4"/>
      <c r="J14" s="4"/>
      <c r="K14" s="4"/>
      <c r="L14" s="4"/>
      <c r="M14" s="4"/>
      <c r="N14" s="4"/>
      <c r="O14" s="4"/>
      <c r="P14" s="4"/>
      <c r="Q14" s="4"/>
      <c r="R14" s="4"/>
      <c r="S14" s="4"/>
      <c r="T14" s="4"/>
      <c r="U14" s="4"/>
      <c r="V14" s="4"/>
      <c r="W14" s="4"/>
      <c r="X14" s="4"/>
      <c r="Y14" s="4"/>
      <c r="Z14" s="4"/>
      <c r="AA14" s="4"/>
    </row>
    <row r="15" spans="1:27" ht="10.5" customHeight="1">
      <c r="A15" s="1"/>
      <c r="B15" s="7"/>
      <c r="C15" s="7"/>
      <c r="D15" s="7"/>
      <c r="E15" s="7"/>
      <c r="F15" s="7"/>
      <c r="G15" s="7"/>
      <c r="H15" s="7"/>
      <c r="I15" s="7"/>
      <c r="J15" s="7"/>
      <c r="K15" s="7"/>
      <c r="L15" s="7"/>
      <c r="M15" s="7"/>
      <c r="N15" s="7"/>
      <c r="O15" s="7"/>
      <c r="P15" s="7"/>
      <c r="Q15" s="7"/>
      <c r="R15" s="7"/>
      <c r="S15" s="7"/>
      <c r="T15" s="7"/>
      <c r="U15" s="7"/>
      <c r="V15" s="7"/>
      <c r="W15" s="7"/>
      <c r="X15" s="7"/>
      <c r="Y15" s="7"/>
      <c r="Z15" s="7"/>
      <c r="AA15" s="7"/>
    </row>
    <row r="16" spans="1:27" ht="19.5" customHeight="1">
      <c r="A16" s="8" t="s">
        <v>7</v>
      </c>
      <c r="B16" s="7"/>
      <c r="C16" s="7"/>
      <c r="D16" s="7"/>
      <c r="E16" s="7"/>
      <c r="F16" s="7"/>
      <c r="G16" s="7"/>
      <c r="H16" s="7"/>
      <c r="I16" s="7"/>
      <c r="J16" s="7"/>
      <c r="K16" s="7"/>
      <c r="L16" s="7"/>
      <c r="M16" s="7"/>
      <c r="N16" s="7"/>
      <c r="O16" s="7"/>
      <c r="P16" s="7"/>
      <c r="Q16" s="7"/>
      <c r="R16" s="7"/>
      <c r="S16" s="7"/>
      <c r="T16" s="7"/>
      <c r="U16" s="7"/>
      <c r="V16" s="7"/>
      <c r="W16" s="7"/>
      <c r="X16" s="7"/>
      <c r="Y16" s="7"/>
      <c r="Z16" s="7"/>
      <c r="AA16" s="7"/>
    </row>
    <row r="17" spans="1:28" ht="37.25" customHeight="1">
      <c r="A17" s="7"/>
      <c r="B17" s="4" t="s">
        <v>29</v>
      </c>
      <c r="C17" s="4"/>
      <c r="D17" s="4"/>
      <c r="E17" s="4"/>
      <c r="F17" s="4"/>
      <c r="G17" s="4"/>
      <c r="H17" s="4"/>
      <c r="I17" s="4"/>
      <c r="J17" s="4"/>
      <c r="K17" s="4"/>
      <c r="L17" s="4"/>
      <c r="M17" s="4"/>
      <c r="N17" s="4"/>
      <c r="O17" s="4"/>
      <c r="P17" s="4"/>
      <c r="Q17" s="4"/>
      <c r="R17" s="4"/>
      <c r="S17" s="4"/>
      <c r="T17" s="4"/>
      <c r="U17" s="4"/>
      <c r="V17" s="4"/>
      <c r="W17" s="4"/>
      <c r="X17" s="4"/>
      <c r="Y17" s="4"/>
      <c r="Z17" s="4"/>
      <c r="AA17" s="7"/>
    </row>
    <row r="18" spans="1:28" ht="27.75" customHeight="1">
      <c r="A18" s="7"/>
      <c r="B18" s="9" t="s">
        <v>23</v>
      </c>
      <c r="C18" s="22" t="s">
        <v>420</v>
      </c>
      <c r="D18" s="35"/>
      <c r="E18" s="35"/>
      <c r="F18" s="35"/>
      <c r="G18" s="35"/>
      <c r="H18" s="35"/>
      <c r="I18" s="35"/>
      <c r="J18" s="35"/>
      <c r="K18" s="35"/>
      <c r="L18" s="40"/>
      <c r="M18" s="7"/>
      <c r="N18" s="7"/>
      <c r="O18" s="7"/>
      <c r="P18" s="7"/>
      <c r="Q18" s="7"/>
      <c r="R18" s="7"/>
      <c r="S18" s="7"/>
      <c r="T18" s="7"/>
      <c r="U18" s="7"/>
      <c r="V18" s="7"/>
      <c r="W18" s="7"/>
      <c r="X18" s="7"/>
      <c r="Y18" s="7"/>
      <c r="Z18" s="7"/>
      <c r="AA18" s="7"/>
    </row>
    <row r="19" spans="1:28" ht="15" customHeight="1">
      <c r="A19" s="7"/>
      <c r="B19" s="7"/>
      <c r="C19" s="7"/>
      <c r="D19" s="7"/>
      <c r="E19" s="7"/>
      <c r="F19" s="7"/>
      <c r="G19" s="7"/>
      <c r="H19" s="7"/>
      <c r="I19" s="7"/>
      <c r="J19" s="7"/>
      <c r="K19" s="7"/>
      <c r="L19" s="7"/>
      <c r="M19" s="7"/>
      <c r="N19" s="7"/>
      <c r="O19" s="7"/>
      <c r="P19" s="7"/>
      <c r="Q19" s="7"/>
      <c r="R19" s="7"/>
      <c r="S19" s="7"/>
      <c r="T19" s="7"/>
      <c r="U19" s="7"/>
      <c r="V19" s="7"/>
      <c r="W19" s="7"/>
      <c r="X19" s="7"/>
      <c r="Y19" s="7"/>
      <c r="Z19" s="7"/>
      <c r="AA19" s="7"/>
    </row>
    <row r="20" spans="1:28" ht="20.149999999999999" customHeight="1">
      <c r="A20" s="8" t="s">
        <v>40</v>
      </c>
      <c r="B20" s="7"/>
      <c r="C20" s="7"/>
      <c r="D20" s="7"/>
      <c r="E20" s="7"/>
      <c r="F20" s="7"/>
      <c r="G20" s="7"/>
      <c r="H20" s="7"/>
      <c r="I20" s="7"/>
      <c r="J20" s="7"/>
      <c r="K20" s="7"/>
      <c r="L20" s="7"/>
      <c r="M20" s="7"/>
      <c r="N20" s="7"/>
      <c r="O20" s="7"/>
      <c r="P20" s="7"/>
      <c r="Q20" s="7"/>
      <c r="R20" s="7"/>
      <c r="S20" s="7"/>
      <c r="T20" s="7"/>
      <c r="U20" s="7"/>
      <c r="V20" s="7"/>
      <c r="W20" s="7"/>
      <c r="X20" s="7"/>
      <c r="Y20" s="7"/>
      <c r="Z20" s="7"/>
      <c r="AA20" s="7"/>
    </row>
    <row r="21" spans="1:28" ht="20.149999999999999" customHeight="1">
      <c r="A21" s="7"/>
      <c r="B21" s="1" t="s">
        <v>41</v>
      </c>
      <c r="C21" s="7"/>
      <c r="D21" s="7"/>
      <c r="E21" s="7"/>
      <c r="F21" s="7"/>
      <c r="G21" s="7"/>
      <c r="H21" s="7"/>
      <c r="I21" s="7"/>
      <c r="J21" s="7"/>
      <c r="K21" s="7"/>
      <c r="L21" s="7"/>
      <c r="M21" s="7"/>
      <c r="N21" s="7"/>
      <c r="O21" s="7"/>
      <c r="P21" s="7"/>
      <c r="Q21" s="7"/>
      <c r="R21" s="7"/>
      <c r="S21" s="7"/>
      <c r="T21" s="7"/>
      <c r="U21" s="7"/>
      <c r="V21" s="7"/>
      <c r="W21" s="7"/>
      <c r="X21" s="7"/>
      <c r="Y21" s="7"/>
      <c r="Z21" s="7"/>
      <c r="AA21" s="7"/>
    </row>
    <row r="22" spans="1:28" ht="20.149999999999999" customHeight="1">
      <c r="A22" s="7"/>
      <c r="B22" s="10" t="s">
        <v>4</v>
      </c>
      <c r="C22" s="23" t="s">
        <v>43</v>
      </c>
      <c r="D22" s="23"/>
      <c r="E22" s="23"/>
      <c r="F22" s="23"/>
      <c r="G22" s="23"/>
      <c r="H22" s="23"/>
      <c r="I22" s="23"/>
      <c r="J22" s="23"/>
      <c r="K22" s="23"/>
      <c r="L22" s="13"/>
      <c r="M22" s="47"/>
      <c r="N22" s="64"/>
      <c r="O22" s="64"/>
      <c r="P22" s="64"/>
      <c r="Q22" s="64"/>
      <c r="R22" s="64"/>
      <c r="S22" s="64"/>
      <c r="T22" s="64"/>
      <c r="U22" s="64"/>
      <c r="V22" s="64"/>
      <c r="W22" s="90"/>
      <c r="X22" s="99"/>
      <c r="Y22" s="7"/>
      <c r="Z22" s="7"/>
      <c r="AA22" s="7"/>
    </row>
    <row r="23" spans="1:28" ht="20.149999999999999" customHeight="1">
      <c r="A23" s="7"/>
      <c r="B23" s="11"/>
      <c r="C23" s="23" t="s">
        <v>45</v>
      </c>
      <c r="D23" s="23"/>
      <c r="E23" s="23"/>
      <c r="F23" s="23"/>
      <c r="G23" s="23"/>
      <c r="H23" s="23"/>
      <c r="I23" s="23"/>
      <c r="J23" s="23"/>
      <c r="K23" s="23"/>
      <c r="L23" s="13"/>
      <c r="M23" s="48"/>
      <c r="N23" s="65"/>
      <c r="O23" s="65"/>
      <c r="P23" s="65"/>
      <c r="Q23" s="65"/>
      <c r="R23" s="65"/>
      <c r="S23" s="65"/>
      <c r="T23" s="65"/>
      <c r="U23" s="65"/>
      <c r="V23" s="65"/>
      <c r="W23" s="65"/>
      <c r="X23" s="100"/>
      <c r="Y23" s="7"/>
      <c r="Z23" s="7"/>
      <c r="AA23" s="7"/>
      <c r="AB23" t="s">
        <v>52</v>
      </c>
    </row>
    <row r="24" spans="1:28" ht="20.149999999999999" customHeight="1">
      <c r="A24" s="7"/>
      <c r="B24" s="10" t="s">
        <v>58</v>
      </c>
      <c r="C24" s="23" t="s">
        <v>61</v>
      </c>
      <c r="D24" s="23"/>
      <c r="E24" s="23"/>
      <c r="F24" s="23"/>
      <c r="G24" s="23"/>
      <c r="H24" s="23"/>
      <c r="I24" s="23"/>
      <c r="J24" s="23"/>
      <c r="K24" s="23"/>
      <c r="L24" s="13"/>
      <c r="M24" s="49"/>
      <c r="N24" s="66"/>
      <c r="O24" s="66"/>
      <c r="P24" s="76" t="s">
        <v>72</v>
      </c>
      <c r="Q24" s="66"/>
      <c r="R24" s="66"/>
      <c r="S24" s="66"/>
      <c r="T24" s="82"/>
      <c r="U24" s="84"/>
      <c r="V24" s="86"/>
      <c r="W24" s="86"/>
      <c r="X24" s="86"/>
      <c r="Y24" s="7"/>
      <c r="Z24" s="7"/>
      <c r="AA24" s="7"/>
      <c r="AB24" t="str">
        <f>CONCATENATE(M24,N24,O24,P24,Q24,R24,S24,T24)</f>
        <v>－</v>
      </c>
    </row>
    <row r="25" spans="1:28" ht="34.5" customHeight="1">
      <c r="A25" s="7"/>
      <c r="B25" s="12"/>
      <c r="C25" s="24" t="s">
        <v>78</v>
      </c>
      <c r="D25" s="24"/>
      <c r="E25" s="24"/>
      <c r="F25" s="24"/>
      <c r="G25" s="24"/>
      <c r="H25" s="24"/>
      <c r="I25" s="24"/>
      <c r="J25" s="24"/>
      <c r="K25" s="24"/>
      <c r="L25" s="41"/>
      <c r="M25" s="50"/>
      <c r="N25" s="67"/>
      <c r="O25" s="67"/>
      <c r="P25" s="67"/>
      <c r="Q25" s="67"/>
      <c r="R25" s="67"/>
      <c r="S25" s="67"/>
      <c r="T25" s="67"/>
      <c r="U25" s="85"/>
      <c r="V25" s="85"/>
      <c r="W25" s="91"/>
      <c r="X25" s="101"/>
      <c r="Y25" s="7"/>
      <c r="Z25" s="7"/>
      <c r="AA25" s="7"/>
    </row>
    <row r="26" spans="1:28" ht="20.149999999999999" customHeight="1">
      <c r="A26" s="7"/>
      <c r="B26" s="11"/>
      <c r="C26" s="23" t="s">
        <v>83</v>
      </c>
      <c r="D26" s="23"/>
      <c r="E26" s="23"/>
      <c r="F26" s="23"/>
      <c r="G26" s="23"/>
      <c r="H26" s="23"/>
      <c r="I26" s="23"/>
      <c r="J26" s="23"/>
      <c r="K26" s="23"/>
      <c r="L26" s="13"/>
      <c r="M26" s="51"/>
      <c r="N26" s="68"/>
      <c r="O26" s="68"/>
      <c r="P26" s="68"/>
      <c r="Q26" s="68"/>
      <c r="R26" s="68"/>
      <c r="S26" s="68"/>
      <c r="T26" s="68"/>
      <c r="U26" s="68"/>
      <c r="V26" s="68"/>
      <c r="W26" s="92"/>
      <c r="X26" s="102"/>
      <c r="Y26" s="7"/>
      <c r="Z26" s="7"/>
      <c r="AA26" s="7"/>
    </row>
    <row r="27" spans="1:28" ht="20.149999999999999" customHeight="1">
      <c r="A27" s="7"/>
      <c r="B27" s="10" t="s">
        <v>90</v>
      </c>
      <c r="C27" s="23" t="s">
        <v>67</v>
      </c>
      <c r="D27" s="23"/>
      <c r="E27" s="23"/>
      <c r="F27" s="23"/>
      <c r="G27" s="23"/>
      <c r="H27" s="23"/>
      <c r="I27" s="23"/>
      <c r="J27" s="23"/>
      <c r="K27" s="23"/>
      <c r="L27" s="13"/>
      <c r="M27" s="52"/>
      <c r="N27" s="69"/>
      <c r="O27" s="69"/>
      <c r="P27" s="69"/>
      <c r="Q27" s="69"/>
      <c r="R27" s="69"/>
      <c r="S27" s="69"/>
      <c r="T27" s="69"/>
      <c r="U27" s="69"/>
      <c r="V27" s="69"/>
      <c r="W27" s="93"/>
      <c r="X27" s="103"/>
      <c r="Y27" s="7"/>
      <c r="Z27" s="7"/>
      <c r="AA27" s="7"/>
    </row>
    <row r="28" spans="1:28" ht="20.149999999999999" customHeight="1">
      <c r="A28" s="7"/>
      <c r="B28" s="11"/>
      <c r="C28" s="23" t="s">
        <v>94</v>
      </c>
      <c r="D28" s="23"/>
      <c r="E28" s="23"/>
      <c r="F28" s="23"/>
      <c r="G28" s="23"/>
      <c r="H28" s="23"/>
      <c r="I28" s="23"/>
      <c r="J28" s="23"/>
      <c r="K28" s="23"/>
      <c r="L28" s="13"/>
      <c r="M28" s="53"/>
      <c r="N28" s="70"/>
      <c r="O28" s="70"/>
      <c r="P28" s="70"/>
      <c r="Q28" s="70"/>
      <c r="R28" s="70"/>
      <c r="S28" s="70"/>
      <c r="T28" s="70"/>
      <c r="U28" s="70"/>
      <c r="V28" s="70"/>
      <c r="W28" s="94"/>
      <c r="X28" s="104"/>
      <c r="Y28" s="7"/>
      <c r="Z28" s="7"/>
      <c r="AA28" s="7"/>
    </row>
    <row r="29" spans="1:28" ht="20.149999999999999" customHeight="1">
      <c r="A29" s="7"/>
      <c r="B29" s="13" t="s">
        <v>106</v>
      </c>
      <c r="C29" s="25"/>
      <c r="D29" s="25"/>
      <c r="E29" s="25"/>
      <c r="F29" s="25"/>
      <c r="G29" s="25"/>
      <c r="H29" s="25"/>
      <c r="I29" s="25"/>
      <c r="J29" s="25"/>
      <c r="K29" s="25"/>
      <c r="L29" s="42"/>
      <c r="M29" s="54"/>
      <c r="N29" s="71"/>
      <c r="O29" s="71"/>
      <c r="P29" s="71"/>
      <c r="Q29" s="71"/>
      <c r="R29" s="71"/>
      <c r="S29" s="71"/>
      <c r="T29" s="83"/>
      <c r="U29" s="84"/>
      <c r="V29" s="86"/>
      <c r="W29" s="86"/>
      <c r="X29" s="86"/>
      <c r="Y29" s="7"/>
      <c r="Z29" s="7"/>
      <c r="AA29" s="7"/>
    </row>
    <row r="30" spans="1:28" ht="20.149999999999999" customHeight="1">
      <c r="A30" s="7"/>
      <c r="B30" s="14" t="s">
        <v>120</v>
      </c>
      <c r="C30" s="23" t="s">
        <v>43</v>
      </c>
      <c r="D30" s="23"/>
      <c r="E30" s="23"/>
      <c r="F30" s="23"/>
      <c r="G30" s="23"/>
      <c r="H30" s="23"/>
      <c r="I30" s="23"/>
      <c r="J30" s="23"/>
      <c r="K30" s="23"/>
      <c r="L30" s="13"/>
      <c r="M30" s="52"/>
      <c r="N30" s="69"/>
      <c r="O30" s="69"/>
      <c r="P30" s="69"/>
      <c r="Q30" s="69"/>
      <c r="R30" s="69"/>
      <c r="S30" s="69"/>
      <c r="T30" s="69"/>
      <c r="U30" s="69"/>
      <c r="V30" s="69"/>
      <c r="W30" s="93"/>
      <c r="X30" s="103"/>
      <c r="Y30" s="7"/>
      <c r="Z30" s="7"/>
      <c r="AA30" s="7"/>
    </row>
    <row r="31" spans="1:28" ht="20.149999999999999" customHeight="1">
      <c r="A31" s="7"/>
      <c r="B31" s="15"/>
      <c r="C31" s="26" t="s">
        <v>94</v>
      </c>
      <c r="D31" s="26"/>
      <c r="E31" s="26"/>
      <c r="F31" s="26"/>
      <c r="G31" s="26"/>
      <c r="H31" s="26"/>
      <c r="I31" s="26"/>
      <c r="J31" s="26"/>
      <c r="K31" s="26"/>
      <c r="L31" s="26"/>
      <c r="M31" s="52"/>
      <c r="N31" s="69"/>
      <c r="O31" s="69"/>
      <c r="P31" s="69"/>
      <c r="Q31" s="69"/>
      <c r="R31" s="69"/>
      <c r="S31" s="69"/>
      <c r="T31" s="69"/>
      <c r="U31" s="69"/>
      <c r="V31" s="69"/>
      <c r="W31" s="93"/>
      <c r="X31" s="103"/>
      <c r="Y31" s="7"/>
      <c r="Z31" s="7"/>
      <c r="AA31" s="7"/>
    </row>
    <row r="32" spans="1:28" ht="20.149999999999999" customHeight="1">
      <c r="A32" s="7"/>
      <c r="B32" s="10" t="s">
        <v>127</v>
      </c>
      <c r="C32" s="23" t="s">
        <v>130</v>
      </c>
      <c r="D32" s="23"/>
      <c r="E32" s="23"/>
      <c r="F32" s="23"/>
      <c r="G32" s="23"/>
      <c r="H32" s="23"/>
      <c r="I32" s="23"/>
      <c r="J32" s="23"/>
      <c r="K32" s="23"/>
      <c r="L32" s="13"/>
      <c r="M32" s="55"/>
      <c r="N32" s="72"/>
      <c r="O32" s="72"/>
      <c r="P32" s="72"/>
      <c r="Q32" s="72"/>
      <c r="R32" s="72"/>
      <c r="S32" s="72"/>
      <c r="T32" s="72"/>
      <c r="U32" s="72"/>
      <c r="V32" s="72"/>
      <c r="W32" s="95"/>
      <c r="X32" s="105"/>
      <c r="Y32" s="7"/>
      <c r="Z32" s="7"/>
      <c r="AA32" s="7"/>
    </row>
    <row r="33" spans="1:41" ht="20.149999999999999" customHeight="1">
      <c r="A33" s="7"/>
      <c r="B33" s="16"/>
      <c r="C33" s="23" t="s">
        <v>73</v>
      </c>
      <c r="D33" s="23"/>
      <c r="E33" s="23"/>
      <c r="F33" s="23"/>
      <c r="G33" s="23"/>
      <c r="H33" s="23"/>
      <c r="I33" s="23"/>
      <c r="J33" s="23"/>
      <c r="K33" s="23"/>
      <c r="L33" s="13"/>
      <c r="M33" s="56"/>
      <c r="N33" s="73"/>
      <c r="O33" s="73"/>
      <c r="P33" s="73"/>
      <c r="Q33" s="73"/>
      <c r="R33" s="73"/>
      <c r="S33" s="73"/>
      <c r="T33" s="73"/>
      <c r="U33" s="73"/>
      <c r="V33" s="73"/>
      <c r="W33" s="96"/>
      <c r="X33" s="106"/>
      <c r="Y33" s="7"/>
      <c r="Z33" s="7"/>
      <c r="AA33" s="7"/>
    </row>
    <row r="34" spans="1:41" ht="48" customHeight="1">
      <c r="A34" s="7"/>
      <c r="B34" s="7"/>
      <c r="C34" s="7"/>
      <c r="D34" s="7"/>
      <c r="E34" s="7"/>
      <c r="F34" s="7"/>
      <c r="G34" s="7"/>
      <c r="H34" s="7"/>
      <c r="I34" s="7"/>
      <c r="J34" s="7"/>
      <c r="K34" s="7"/>
      <c r="L34" s="7"/>
      <c r="M34" s="7"/>
      <c r="N34" s="7"/>
      <c r="O34" s="7"/>
      <c r="P34" s="7"/>
      <c r="Q34" s="7"/>
      <c r="R34" s="7"/>
      <c r="S34" s="7"/>
      <c r="T34" s="7"/>
      <c r="U34" s="7"/>
      <c r="V34" s="7"/>
      <c r="W34" s="7"/>
      <c r="X34" s="7"/>
      <c r="Y34" s="7"/>
      <c r="Z34" s="7"/>
      <c r="AA34" s="7"/>
    </row>
    <row r="35" spans="1:41" ht="20.149999999999999" customHeight="1">
      <c r="A35" s="8" t="s">
        <v>912</v>
      </c>
      <c r="B35" s="7"/>
      <c r="C35" s="7"/>
      <c r="D35" s="7"/>
      <c r="E35" s="7"/>
      <c r="F35" s="7"/>
      <c r="G35" s="7"/>
      <c r="H35" s="7"/>
      <c r="I35" s="7"/>
      <c r="J35" s="7"/>
      <c r="K35" s="7"/>
      <c r="L35" s="7"/>
      <c r="M35" s="7"/>
      <c r="N35" s="7"/>
      <c r="O35" s="7"/>
      <c r="P35" s="7"/>
      <c r="Q35" s="7"/>
      <c r="R35" s="7"/>
      <c r="S35" s="7"/>
      <c r="T35" s="7"/>
      <c r="U35" s="7"/>
      <c r="V35" s="7"/>
      <c r="W35" s="7"/>
      <c r="X35" s="7"/>
      <c r="Y35" s="7"/>
      <c r="Z35" s="7"/>
      <c r="AA35" s="7"/>
    </row>
    <row r="36" spans="1:41" ht="14.25">
      <c r="A36" s="7"/>
      <c r="B36" s="1" t="s">
        <v>113</v>
      </c>
      <c r="C36" s="7"/>
      <c r="D36" s="7"/>
      <c r="E36" s="7"/>
      <c r="F36" s="7"/>
      <c r="G36" s="7"/>
      <c r="H36" s="7"/>
      <c r="I36" s="7"/>
      <c r="J36" s="7"/>
      <c r="K36" s="7"/>
      <c r="L36" s="7"/>
      <c r="M36" s="7"/>
      <c r="N36" s="7"/>
      <c r="O36" s="7"/>
      <c r="P36" s="7"/>
      <c r="Q36" s="7"/>
      <c r="R36" s="7"/>
      <c r="S36" s="7"/>
      <c r="T36" s="7"/>
      <c r="U36" s="7"/>
      <c r="V36" s="7"/>
      <c r="W36" s="7"/>
      <c r="X36" s="107"/>
      <c r="Y36" s="7"/>
      <c r="Z36" s="7"/>
      <c r="AA36" s="7"/>
    </row>
    <row r="37" spans="1:41" ht="13.5">
      <c r="A37" s="7"/>
      <c r="B37" s="17"/>
      <c r="C37" s="27"/>
      <c r="D37" s="27"/>
      <c r="E37" s="27"/>
      <c r="F37" s="27"/>
      <c r="G37" s="27"/>
      <c r="H37" s="27"/>
      <c r="I37" s="27"/>
      <c r="J37" s="27"/>
      <c r="K37" s="27"/>
      <c r="L37" s="27"/>
      <c r="M37" s="27"/>
      <c r="N37" s="27"/>
      <c r="O37" s="27"/>
      <c r="P37" s="27"/>
      <c r="Q37" s="27"/>
      <c r="R37" s="27"/>
      <c r="S37" s="27"/>
      <c r="T37" s="27"/>
      <c r="U37" s="27"/>
      <c r="V37" s="27"/>
      <c r="W37" s="27"/>
      <c r="X37" s="27"/>
      <c r="Y37" s="27"/>
      <c r="Z37" s="27"/>
      <c r="AA37" s="27"/>
    </row>
    <row r="38" spans="1:41" ht="28.5" customHeight="1">
      <c r="A38" s="7"/>
      <c r="B38" s="18" t="s">
        <v>101</v>
      </c>
      <c r="C38" s="28" t="s">
        <v>133</v>
      </c>
      <c r="D38" s="28"/>
      <c r="E38" s="28"/>
      <c r="F38" s="28"/>
      <c r="G38" s="28"/>
      <c r="H38" s="28"/>
      <c r="I38" s="28"/>
      <c r="J38" s="28"/>
      <c r="K38" s="28"/>
      <c r="L38" s="43"/>
      <c r="M38" s="18" t="s">
        <v>144</v>
      </c>
      <c r="N38" s="18"/>
      <c r="O38" s="18"/>
      <c r="P38" s="18"/>
      <c r="Q38" s="18"/>
      <c r="R38" s="20" t="s">
        <v>146</v>
      </c>
      <c r="S38" s="81"/>
      <c r="T38" s="81"/>
      <c r="U38" s="81"/>
      <c r="V38" s="81"/>
      <c r="W38" s="97"/>
      <c r="X38" s="18" t="s">
        <v>148</v>
      </c>
      <c r="Y38" s="109" t="s">
        <v>150</v>
      </c>
      <c r="Z38" s="114" t="s">
        <v>71</v>
      </c>
      <c r="AA38" s="27"/>
    </row>
    <row r="39" spans="1:41" ht="28.25" customHeight="1">
      <c r="A39" s="7"/>
      <c r="B39" s="18"/>
      <c r="C39" s="29"/>
      <c r="D39" s="29"/>
      <c r="E39" s="29"/>
      <c r="F39" s="29"/>
      <c r="G39" s="29"/>
      <c r="H39" s="29"/>
      <c r="I39" s="29"/>
      <c r="J39" s="29"/>
      <c r="K39" s="29"/>
      <c r="L39" s="44"/>
      <c r="M39" s="57"/>
      <c r="N39" s="57"/>
      <c r="O39" s="57"/>
      <c r="P39" s="57"/>
      <c r="Q39" s="57"/>
      <c r="R39" s="79" t="s">
        <v>139</v>
      </c>
      <c r="S39" s="57"/>
      <c r="T39" s="57"/>
      <c r="U39" s="57"/>
      <c r="V39" s="57"/>
      <c r="W39" s="57" t="s">
        <v>17</v>
      </c>
      <c r="X39" s="57"/>
      <c r="Y39" s="110"/>
      <c r="Z39" s="115"/>
      <c r="AA39" s="107"/>
    </row>
    <row r="40" spans="1:41" ht="38.25" customHeight="1">
      <c r="A40" s="7"/>
      <c r="B40" s="19">
        <v>1</v>
      </c>
      <c r="C40" s="30"/>
      <c r="D40" s="36"/>
      <c r="E40" s="36"/>
      <c r="F40" s="36"/>
      <c r="G40" s="36"/>
      <c r="H40" s="36"/>
      <c r="I40" s="36"/>
      <c r="J40" s="36"/>
      <c r="K40" s="36"/>
      <c r="L40" s="36"/>
      <c r="M40" s="58"/>
      <c r="N40" s="58"/>
      <c r="O40" s="58"/>
      <c r="P40" s="58"/>
      <c r="Q40" s="58"/>
      <c r="R40" s="80"/>
      <c r="S40" s="80"/>
      <c r="T40" s="80"/>
      <c r="U40" s="80"/>
      <c r="V40" s="80"/>
      <c r="W40" s="98"/>
      <c r="X40" s="58"/>
      <c r="Y40" s="111"/>
      <c r="Z40" s="116" t="str">
        <f>IFERROR(VLOOKUP(Y40,'[1]【参考】数式用'!$A$3:$B$46,2,FALSE),"")</f>
        <v/>
      </c>
      <c r="AA40" s="117"/>
      <c r="AC40" s="119"/>
      <c r="AD40" s="119"/>
      <c r="AE40" s="119"/>
      <c r="AF40" s="119"/>
      <c r="AG40" s="119"/>
      <c r="AH40" s="119"/>
      <c r="AI40" s="119"/>
      <c r="AJ40" s="119"/>
      <c r="AK40" s="119"/>
      <c r="AL40" s="119"/>
      <c r="AM40" s="119"/>
      <c r="AN40" s="119"/>
      <c r="AO40" s="119"/>
    </row>
    <row r="41" spans="1:41" ht="38.25" customHeight="1">
      <c r="A41" s="7"/>
      <c r="B41" s="20">
        <f t="shared" ref="B41:B104" si="0">B40+1</f>
        <v>2</v>
      </c>
      <c r="C41" s="31"/>
      <c r="D41" s="37"/>
      <c r="E41" s="37"/>
      <c r="F41" s="37"/>
      <c r="G41" s="37"/>
      <c r="H41" s="37"/>
      <c r="I41" s="37"/>
      <c r="J41" s="37"/>
      <c r="K41" s="37"/>
      <c r="L41" s="37"/>
      <c r="M41" s="59"/>
      <c r="N41" s="59"/>
      <c r="O41" s="59"/>
      <c r="P41" s="59"/>
      <c r="Q41" s="59"/>
      <c r="R41" s="62"/>
      <c r="S41" s="62"/>
      <c r="T41" s="62"/>
      <c r="U41" s="62"/>
      <c r="V41" s="62"/>
      <c r="W41" s="62"/>
      <c r="X41" s="59"/>
      <c r="Y41" s="112"/>
      <c r="Z41" s="116" t="str">
        <f>IFERROR(VLOOKUP(Y41,'[1]【参考】数式用'!$A$3:$B$46,2,FALSE),"")</f>
        <v/>
      </c>
      <c r="AA41" s="118"/>
    </row>
    <row r="42" spans="1:41" ht="38.25" customHeight="1">
      <c r="A42" s="7"/>
      <c r="B42" s="20">
        <f t="shared" si="0"/>
        <v>3</v>
      </c>
      <c r="C42" s="32"/>
      <c r="D42" s="38"/>
      <c r="E42" s="38"/>
      <c r="F42" s="38"/>
      <c r="G42" s="38"/>
      <c r="H42" s="38"/>
      <c r="I42" s="38"/>
      <c r="J42" s="38"/>
      <c r="K42" s="38"/>
      <c r="L42" s="45"/>
      <c r="M42" s="60"/>
      <c r="N42" s="74"/>
      <c r="O42" s="74"/>
      <c r="P42" s="74"/>
      <c r="Q42" s="77"/>
      <c r="R42" s="62"/>
      <c r="S42" s="62"/>
      <c r="T42" s="62"/>
      <c r="U42" s="62"/>
      <c r="V42" s="62"/>
      <c r="W42" s="62"/>
      <c r="X42" s="59"/>
      <c r="Y42" s="112"/>
      <c r="Z42" s="116" t="str">
        <f>IFERROR(VLOOKUP(Y42,'[1]【参考】数式用'!$A$3:$B$46,2,FALSE),"")</f>
        <v/>
      </c>
      <c r="AA42" s="118"/>
    </row>
    <row r="43" spans="1:41" ht="38.25" customHeight="1">
      <c r="A43" s="7"/>
      <c r="B43" s="20">
        <f t="shared" si="0"/>
        <v>4</v>
      </c>
      <c r="C43" s="32"/>
      <c r="D43" s="38"/>
      <c r="E43" s="38"/>
      <c r="F43" s="38"/>
      <c r="G43" s="38"/>
      <c r="H43" s="38"/>
      <c r="I43" s="38"/>
      <c r="J43" s="38"/>
      <c r="K43" s="38"/>
      <c r="L43" s="45"/>
      <c r="M43" s="60"/>
      <c r="N43" s="74"/>
      <c r="O43" s="74"/>
      <c r="P43" s="74"/>
      <c r="Q43" s="77"/>
      <c r="R43" s="62"/>
      <c r="S43" s="62"/>
      <c r="T43" s="62"/>
      <c r="U43" s="62"/>
      <c r="V43" s="62"/>
      <c r="W43" s="62"/>
      <c r="X43" s="59"/>
      <c r="Y43" s="112"/>
      <c r="Z43" s="116" t="str">
        <f>IFERROR(VLOOKUP(Y43,'[1]【参考】数式用'!$A$3:$B$46,2,FALSE),"")</f>
        <v/>
      </c>
      <c r="AA43" s="118"/>
    </row>
    <row r="44" spans="1:41" ht="38.25" customHeight="1">
      <c r="A44" s="7"/>
      <c r="B44" s="20">
        <f t="shared" si="0"/>
        <v>5</v>
      </c>
      <c r="C44" s="32"/>
      <c r="D44" s="38"/>
      <c r="E44" s="38"/>
      <c r="F44" s="38"/>
      <c r="G44" s="38"/>
      <c r="H44" s="38"/>
      <c r="I44" s="38"/>
      <c r="J44" s="38"/>
      <c r="K44" s="38"/>
      <c r="L44" s="45"/>
      <c r="M44" s="60"/>
      <c r="N44" s="74"/>
      <c r="O44" s="74"/>
      <c r="P44" s="74"/>
      <c r="Q44" s="77"/>
      <c r="R44" s="62"/>
      <c r="S44" s="62"/>
      <c r="T44" s="62"/>
      <c r="U44" s="62"/>
      <c r="V44" s="62"/>
      <c r="W44" s="62"/>
      <c r="X44" s="59"/>
      <c r="Y44" s="112"/>
      <c r="Z44" s="116" t="str">
        <f>IFERROR(VLOOKUP(Y44,'[1]【参考】数式用'!$A$3:$B$46,2,FALSE),"")</f>
        <v/>
      </c>
      <c r="AA44" s="118"/>
    </row>
    <row r="45" spans="1:41" ht="38.25" customHeight="1">
      <c r="A45" s="7"/>
      <c r="B45" s="20">
        <f t="shared" si="0"/>
        <v>6</v>
      </c>
      <c r="C45" s="32"/>
      <c r="D45" s="38"/>
      <c r="E45" s="38"/>
      <c r="F45" s="38"/>
      <c r="G45" s="38"/>
      <c r="H45" s="38"/>
      <c r="I45" s="38"/>
      <c r="J45" s="38"/>
      <c r="K45" s="38"/>
      <c r="L45" s="45"/>
      <c r="M45" s="61"/>
      <c r="N45" s="75"/>
      <c r="O45" s="75"/>
      <c r="P45" s="75"/>
      <c r="Q45" s="78"/>
      <c r="R45" s="62"/>
      <c r="S45" s="62"/>
      <c r="T45" s="62"/>
      <c r="U45" s="62"/>
      <c r="V45" s="62"/>
      <c r="W45" s="62"/>
      <c r="X45" s="59"/>
      <c r="Y45" s="112"/>
      <c r="Z45" s="116" t="str">
        <f>IFERROR(VLOOKUP(Y45,'[1]【参考】数式用'!$A$3:$B$46,2,FALSE),"")</f>
        <v/>
      </c>
      <c r="AA45" s="118"/>
    </row>
    <row r="46" spans="1:41" ht="38.25" customHeight="1">
      <c r="A46" s="7"/>
      <c r="B46" s="20">
        <f t="shared" si="0"/>
        <v>7</v>
      </c>
      <c r="C46" s="32"/>
      <c r="D46" s="38"/>
      <c r="E46" s="38"/>
      <c r="F46" s="38"/>
      <c r="G46" s="38"/>
      <c r="H46" s="38"/>
      <c r="I46" s="38"/>
      <c r="J46" s="38"/>
      <c r="K46" s="38"/>
      <c r="L46" s="45"/>
      <c r="M46" s="61"/>
      <c r="N46" s="75"/>
      <c r="O46" s="75"/>
      <c r="P46" s="75"/>
      <c r="Q46" s="78"/>
      <c r="R46" s="62"/>
      <c r="S46" s="62"/>
      <c r="T46" s="62"/>
      <c r="U46" s="62"/>
      <c r="V46" s="62"/>
      <c r="W46" s="62"/>
      <c r="X46" s="59"/>
      <c r="Y46" s="112"/>
      <c r="Z46" s="116" t="str">
        <f>IFERROR(VLOOKUP(Y46,'[1]【参考】数式用'!$A$3:$B$46,2,FALSE),"")</f>
        <v/>
      </c>
      <c r="AA46" s="118"/>
    </row>
    <row r="47" spans="1:41" ht="38.25" customHeight="1">
      <c r="A47" s="7"/>
      <c r="B47" s="20">
        <f t="shared" si="0"/>
        <v>8</v>
      </c>
      <c r="C47" s="32"/>
      <c r="D47" s="38"/>
      <c r="E47" s="38"/>
      <c r="F47" s="38"/>
      <c r="G47" s="38"/>
      <c r="H47" s="38"/>
      <c r="I47" s="38"/>
      <c r="J47" s="38"/>
      <c r="K47" s="38"/>
      <c r="L47" s="45"/>
      <c r="M47" s="60"/>
      <c r="N47" s="74"/>
      <c r="O47" s="74"/>
      <c r="P47" s="74"/>
      <c r="Q47" s="77"/>
      <c r="R47" s="62"/>
      <c r="S47" s="62"/>
      <c r="T47" s="62"/>
      <c r="U47" s="62"/>
      <c r="V47" s="62"/>
      <c r="W47" s="62"/>
      <c r="X47" s="59"/>
      <c r="Y47" s="112"/>
      <c r="Z47" s="116" t="str">
        <f>IFERROR(VLOOKUP(Y47,'[1]【参考】数式用'!$A$3:$B$46,2,FALSE),"")</f>
        <v/>
      </c>
      <c r="AA47" s="118"/>
    </row>
    <row r="48" spans="1:41" ht="38.25" customHeight="1">
      <c r="A48" s="7"/>
      <c r="B48" s="20">
        <f t="shared" si="0"/>
        <v>9</v>
      </c>
      <c r="C48" s="32"/>
      <c r="D48" s="38"/>
      <c r="E48" s="38"/>
      <c r="F48" s="38"/>
      <c r="G48" s="38"/>
      <c r="H48" s="38"/>
      <c r="I48" s="38"/>
      <c r="J48" s="38"/>
      <c r="K48" s="38"/>
      <c r="L48" s="45"/>
      <c r="M48" s="60"/>
      <c r="N48" s="74"/>
      <c r="O48" s="74"/>
      <c r="P48" s="74"/>
      <c r="Q48" s="77"/>
      <c r="R48" s="62"/>
      <c r="S48" s="62"/>
      <c r="T48" s="62"/>
      <c r="U48" s="62"/>
      <c r="V48" s="62"/>
      <c r="W48" s="62"/>
      <c r="X48" s="59"/>
      <c r="Y48" s="112"/>
      <c r="Z48" s="116" t="str">
        <f>IFERROR(VLOOKUP(Y48,'[1]【参考】数式用'!$A$3:$B$46,2,FALSE),"")</f>
        <v/>
      </c>
      <c r="AA48" s="118"/>
    </row>
    <row r="49" spans="1:27" ht="38.25" customHeight="1">
      <c r="A49" s="7"/>
      <c r="B49" s="20">
        <f t="shared" si="0"/>
        <v>10</v>
      </c>
      <c r="C49" s="32"/>
      <c r="D49" s="38"/>
      <c r="E49" s="38"/>
      <c r="F49" s="38"/>
      <c r="G49" s="38"/>
      <c r="H49" s="38"/>
      <c r="I49" s="38"/>
      <c r="J49" s="38"/>
      <c r="K49" s="38"/>
      <c r="L49" s="45"/>
      <c r="M49" s="60"/>
      <c r="N49" s="74"/>
      <c r="O49" s="74"/>
      <c r="P49" s="74"/>
      <c r="Q49" s="77"/>
      <c r="R49" s="62"/>
      <c r="S49" s="62"/>
      <c r="T49" s="62"/>
      <c r="U49" s="62"/>
      <c r="V49" s="62"/>
      <c r="W49" s="62"/>
      <c r="X49" s="59"/>
      <c r="Y49" s="112"/>
      <c r="Z49" s="116" t="str">
        <f>IFERROR(VLOOKUP(Y49,'[1]【参考】数式用'!$A$3:$B$46,2,FALSE),"")</f>
        <v/>
      </c>
      <c r="AA49" s="118"/>
    </row>
    <row r="50" spans="1:27" ht="38.25" customHeight="1">
      <c r="A50" s="7"/>
      <c r="B50" s="20">
        <f t="shared" si="0"/>
        <v>11</v>
      </c>
      <c r="C50" s="32"/>
      <c r="D50" s="38"/>
      <c r="E50" s="38"/>
      <c r="F50" s="38"/>
      <c r="G50" s="38"/>
      <c r="H50" s="38"/>
      <c r="I50" s="38"/>
      <c r="J50" s="38"/>
      <c r="K50" s="38"/>
      <c r="L50" s="45"/>
      <c r="M50" s="60"/>
      <c r="N50" s="74"/>
      <c r="O50" s="74"/>
      <c r="P50" s="74"/>
      <c r="Q50" s="77"/>
      <c r="R50" s="62"/>
      <c r="S50" s="62"/>
      <c r="T50" s="62"/>
      <c r="U50" s="62"/>
      <c r="V50" s="62"/>
      <c r="W50" s="62"/>
      <c r="X50" s="59"/>
      <c r="Y50" s="112"/>
      <c r="Z50" s="116" t="str">
        <f>IFERROR(VLOOKUP(Y50,'[1]【参考】数式用'!$A$3:$B$46,2,FALSE),"")</f>
        <v/>
      </c>
      <c r="AA50" s="118"/>
    </row>
    <row r="51" spans="1:27" ht="38.25" customHeight="1">
      <c r="A51" s="7"/>
      <c r="B51" s="20">
        <f t="shared" si="0"/>
        <v>12</v>
      </c>
      <c r="C51" s="32"/>
      <c r="D51" s="38"/>
      <c r="E51" s="38"/>
      <c r="F51" s="38"/>
      <c r="G51" s="38"/>
      <c r="H51" s="38"/>
      <c r="I51" s="38"/>
      <c r="J51" s="38"/>
      <c r="K51" s="38"/>
      <c r="L51" s="45"/>
      <c r="M51" s="60"/>
      <c r="N51" s="74"/>
      <c r="O51" s="74"/>
      <c r="P51" s="74"/>
      <c r="Q51" s="77"/>
      <c r="R51" s="62"/>
      <c r="S51" s="62"/>
      <c r="T51" s="62"/>
      <c r="U51" s="62"/>
      <c r="V51" s="62"/>
      <c r="W51" s="62"/>
      <c r="X51" s="59"/>
      <c r="Y51" s="112"/>
      <c r="Z51" s="116" t="str">
        <f>IFERROR(VLOOKUP(Y51,'[1]【参考】数式用'!$A$3:$B$46,2,FALSE),"")</f>
        <v/>
      </c>
      <c r="AA51" s="118"/>
    </row>
    <row r="52" spans="1:27" ht="38.25" customHeight="1">
      <c r="A52" s="7"/>
      <c r="B52" s="20">
        <f t="shared" si="0"/>
        <v>13</v>
      </c>
      <c r="C52" s="32"/>
      <c r="D52" s="38"/>
      <c r="E52" s="38"/>
      <c r="F52" s="38"/>
      <c r="G52" s="38"/>
      <c r="H52" s="38"/>
      <c r="I52" s="38"/>
      <c r="J52" s="38"/>
      <c r="K52" s="38"/>
      <c r="L52" s="45"/>
      <c r="M52" s="60"/>
      <c r="N52" s="74"/>
      <c r="O52" s="74"/>
      <c r="P52" s="74"/>
      <c r="Q52" s="77"/>
      <c r="R52" s="62"/>
      <c r="S52" s="62"/>
      <c r="T52" s="62"/>
      <c r="U52" s="62"/>
      <c r="V52" s="62"/>
      <c r="W52" s="62"/>
      <c r="X52" s="59"/>
      <c r="Y52" s="112"/>
      <c r="Z52" s="116" t="str">
        <f>IFERROR(VLOOKUP(Y52,'[1]【参考】数式用'!$A$3:$B$46,2,FALSE),"")</f>
        <v/>
      </c>
      <c r="AA52" s="118"/>
    </row>
    <row r="53" spans="1:27" ht="38.25" customHeight="1">
      <c r="A53" s="7"/>
      <c r="B53" s="20">
        <f t="shared" si="0"/>
        <v>14</v>
      </c>
      <c r="C53" s="32"/>
      <c r="D53" s="38"/>
      <c r="E53" s="38"/>
      <c r="F53" s="38"/>
      <c r="G53" s="38"/>
      <c r="H53" s="38"/>
      <c r="I53" s="38"/>
      <c r="J53" s="38"/>
      <c r="K53" s="38"/>
      <c r="L53" s="45"/>
      <c r="M53" s="62"/>
      <c r="N53" s="62"/>
      <c r="O53" s="62"/>
      <c r="P53" s="62"/>
      <c r="Q53" s="62"/>
      <c r="R53" s="62"/>
      <c r="S53" s="62"/>
      <c r="T53" s="62"/>
      <c r="U53" s="62"/>
      <c r="V53" s="62"/>
      <c r="W53" s="62"/>
      <c r="X53" s="59"/>
      <c r="Y53" s="112"/>
      <c r="Z53" s="116" t="str">
        <f>IFERROR(VLOOKUP(Y53,'[1]【参考】数式用'!$A$3:$B$46,2,FALSE),"")</f>
        <v/>
      </c>
      <c r="AA53" s="118"/>
    </row>
    <row r="54" spans="1:27" ht="38.25" customHeight="1">
      <c r="A54" s="7"/>
      <c r="B54" s="20">
        <f t="shared" si="0"/>
        <v>15</v>
      </c>
      <c r="C54" s="32"/>
      <c r="D54" s="38"/>
      <c r="E54" s="38"/>
      <c r="F54" s="38"/>
      <c r="G54" s="38"/>
      <c r="H54" s="38"/>
      <c r="I54" s="38"/>
      <c r="J54" s="38"/>
      <c r="K54" s="38"/>
      <c r="L54" s="45"/>
      <c r="M54" s="62"/>
      <c r="N54" s="62"/>
      <c r="O54" s="62"/>
      <c r="P54" s="62"/>
      <c r="Q54" s="62"/>
      <c r="R54" s="62"/>
      <c r="S54" s="62"/>
      <c r="T54" s="62"/>
      <c r="U54" s="62"/>
      <c r="V54" s="62"/>
      <c r="W54" s="62"/>
      <c r="X54" s="59"/>
      <c r="Y54" s="112"/>
      <c r="Z54" s="116" t="str">
        <f>IFERROR(VLOOKUP(Y54,'[1]【参考】数式用'!$A$3:$B$46,2,FALSE),"")</f>
        <v/>
      </c>
      <c r="AA54" s="118"/>
    </row>
    <row r="55" spans="1:27" ht="38.25" customHeight="1">
      <c r="A55" s="7"/>
      <c r="B55" s="20">
        <f t="shared" si="0"/>
        <v>16</v>
      </c>
      <c r="C55" s="32"/>
      <c r="D55" s="38"/>
      <c r="E55" s="38"/>
      <c r="F55" s="38"/>
      <c r="G55" s="38"/>
      <c r="H55" s="38"/>
      <c r="I55" s="38"/>
      <c r="J55" s="38"/>
      <c r="K55" s="38"/>
      <c r="L55" s="45"/>
      <c r="M55" s="62"/>
      <c r="N55" s="62"/>
      <c r="O55" s="62"/>
      <c r="P55" s="62"/>
      <c r="Q55" s="62"/>
      <c r="R55" s="62"/>
      <c r="S55" s="62"/>
      <c r="T55" s="62"/>
      <c r="U55" s="62"/>
      <c r="V55" s="62"/>
      <c r="W55" s="62"/>
      <c r="X55" s="59"/>
      <c r="Y55" s="112"/>
      <c r="Z55" s="116" t="str">
        <f>IFERROR(VLOOKUP(Y55,'[1]【参考】数式用'!$A$3:$B$46,2,FALSE),"")</f>
        <v/>
      </c>
      <c r="AA55" s="118"/>
    </row>
    <row r="56" spans="1:27" ht="38.25" customHeight="1">
      <c r="A56" s="7"/>
      <c r="B56" s="20">
        <f t="shared" si="0"/>
        <v>17</v>
      </c>
      <c r="C56" s="32"/>
      <c r="D56" s="38"/>
      <c r="E56" s="38"/>
      <c r="F56" s="38"/>
      <c r="G56" s="38"/>
      <c r="H56" s="38"/>
      <c r="I56" s="38"/>
      <c r="J56" s="38"/>
      <c r="K56" s="38"/>
      <c r="L56" s="45"/>
      <c r="M56" s="62"/>
      <c r="N56" s="62"/>
      <c r="O56" s="62"/>
      <c r="P56" s="62"/>
      <c r="Q56" s="62"/>
      <c r="R56" s="62"/>
      <c r="S56" s="62"/>
      <c r="T56" s="62"/>
      <c r="U56" s="62"/>
      <c r="V56" s="62"/>
      <c r="W56" s="62"/>
      <c r="X56" s="59"/>
      <c r="Y56" s="112"/>
      <c r="Z56" s="116" t="str">
        <f>IFERROR(VLOOKUP(Y56,'[1]【参考】数式用'!$A$3:$B$46,2,FALSE),"")</f>
        <v/>
      </c>
      <c r="AA56" s="118"/>
    </row>
    <row r="57" spans="1:27" ht="38.25" customHeight="1">
      <c r="A57" s="7"/>
      <c r="B57" s="20">
        <f t="shared" si="0"/>
        <v>18</v>
      </c>
      <c r="C57" s="32"/>
      <c r="D57" s="38"/>
      <c r="E57" s="38"/>
      <c r="F57" s="38"/>
      <c r="G57" s="38"/>
      <c r="H57" s="38"/>
      <c r="I57" s="38"/>
      <c r="J57" s="38"/>
      <c r="K57" s="38"/>
      <c r="L57" s="45"/>
      <c r="M57" s="62"/>
      <c r="N57" s="62"/>
      <c r="O57" s="62"/>
      <c r="P57" s="62"/>
      <c r="Q57" s="62"/>
      <c r="R57" s="62"/>
      <c r="S57" s="62"/>
      <c r="T57" s="62"/>
      <c r="U57" s="62"/>
      <c r="V57" s="62"/>
      <c r="W57" s="62"/>
      <c r="X57" s="59"/>
      <c r="Y57" s="112"/>
      <c r="Z57" s="116" t="str">
        <f>IFERROR(VLOOKUP(Y57,'[1]【参考】数式用'!$A$3:$B$46,2,FALSE),"")</f>
        <v/>
      </c>
      <c r="AA57" s="118"/>
    </row>
    <row r="58" spans="1:27" ht="38.25" customHeight="1">
      <c r="A58" s="7"/>
      <c r="B58" s="20">
        <f t="shared" si="0"/>
        <v>19</v>
      </c>
      <c r="C58" s="32"/>
      <c r="D58" s="38"/>
      <c r="E58" s="38"/>
      <c r="F58" s="38"/>
      <c r="G58" s="38"/>
      <c r="H58" s="38"/>
      <c r="I58" s="38"/>
      <c r="J58" s="38"/>
      <c r="K58" s="38"/>
      <c r="L58" s="45"/>
      <c r="M58" s="62"/>
      <c r="N58" s="62"/>
      <c r="O58" s="62"/>
      <c r="P58" s="62"/>
      <c r="Q58" s="62"/>
      <c r="R58" s="62"/>
      <c r="S58" s="62"/>
      <c r="T58" s="62"/>
      <c r="U58" s="62"/>
      <c r="V58" s="62"/>
      <c r="W58" s="62"/>
      <c r="X58" s="59"/>
      <c r="Y58" s="112"/>
      <c r="Z58" s="116" t="str">
        <f>IFERROR(VLOOKUP(Y58,'[1]【参考】数式用'!$A$3:$B$46,2,FALSE),"")</f>
        <v/>
      </c>
      <c r="AA58" s="118"/>
    </row>
    <row r="59" spans="1:27" ht="38.25" customHeight="1">
      <c r="A59" s="7"/>
      <c r="B59" s="20">
        <f t="shared" si="0"/>
        <v>20</v>
      </c>
      <c r="C59" s="32"/>
      <c r="D59" s="38"/>
      <c r="E59" s="38"/>
      <c r="F59" s="38"/>
      <c r="G59" s="38"/>
      <c r="H59" s="38"/>
      <c r="I59" s="38"/>
      <c r="J59" s="38"/>
      <c r="K59" s="38"/>
      <c r="L59" s="45"/>
      <c r="M59" s="62"/>
      <c r="N59" s="62"/>
      <c r="O59" s="62"/>
      <c r="P59" s="62"/>
      <c r="Q59" s="62"/>
      <c r="R59" s="62"/>
      <c r="S59" s="62"/>
      <c r="T59" s="62"/>
      <c r="U59" s="62"/>
      <c r="V59" s="62"/>
      <c r="W59" s="62"/>
      <c r="X59" s="59"/>
      <c r="Y59" s="112"/>
      <c r="Z59" s="116" t="str">
        <f>IFERROR(VLOOKUP(Y59,'[1]【参考】数式用'!$A$3:$B$46,2,FALSE),"")</f>
        <v/>
      </c>
      <c r="AA59" s="118"/>
    </row>
    <row r="60" spans="1:27" ht="38.25" customHeight="1">
      <c r="A60" s="7"/>
      <c r="B60" s="20">
        <f t="shared" si="0"/>
        <v>21</v>
      </c>
      <c r="C60" s="32"/>
      <c r="D60" s="38"/>
      <c r="E60" s="38"/>
      <c r="F60" s="38"/>
      <c r="G60" s="38"/>
      <c r="H60" s="38"/>
      <c r="I60" s="38"/>
      <c r="J60" s="38"/>
      <c r="K60" s="38"/>
      <c r="L60" s="45"/>
      <c r="M60" s="62"/>
      <c r="N60" s="62"/>
      <c r="O60" s="62"/>
      <c r="P60" s="62"/>
      <c r="Q60" s="62"/>
      <c r="R60" s="62"/>
      <c r="S60" s="62"/>
      <c r="T60" s="62"/>
      <c r="U60" s="62"/>
      <c r="V60" s="62"/>
      <c r="W60" s="62"/>
      <c r="X60" s="59"/>
      <c r="Y60" s="112"/>
      <c r="Z60" s="116" t="str">
        <f>IFERROR(VLOOKUP(Y60,'[1]【参考】数式用'!$A$3:$B$46,2,FALSE),"")</f>
        <v/>
      </c>
      <c r="AA60" s="118"/>
    </row>
    <row r="61" spans="1:27" ht="38.25" customHeight="1">
      <c r="A61" s="7"/>
      <c r="B61" s="20">
        <f t="shared" si="0"/>
        <v>22</v>
      </c>
      <c r="C61" s="32"/>
      <c r="D61" s="38"/>
      <c r="E61" s="38"/>
      <c r="F61" s="38"/>
      <c r="G61" s="38"/>
      <c r="H61" s="38"/>
      <c r="I61" s="38"/>
      <c r="J61" s="38"/>
      <c r="K61" s="38"/>
      <c r="L61" s="45"/>
      <c r="M61" s="62"/>
      <c r="N61" s="62"/>
      <c r="O61" s="62"/>
      <c r="P61" s="62"/>
      <c r="Q61" s="62"/>
      <c r="R61" s="62"/>
      <c r="S61" s="62"/>
      <c r="T61" s="62"/>
      <c r="U61" s="62"/>
      <c r="V61" s="62"/>
      <c r="W61" s="62"/>
      <c r="X61" s="59"/>
      <c r="Y61" s="112"/>
      <c r="Z61" s="116" t="str">
        <f>IFERROR(VLOOKUP(Y61,'[1]【参考】数式用'!$A$3:$B$46,2,FALSE),"")</f>
        <v/>
      </c>
      <c r="AA61" s="118"/>
    </row>
    <row r="62" spans="1:27" ht="38.25" customHeight="1">
      <c r="A62" s="7"/>
      <c r="B62" s="20">
        <f t="shared" si="0"/>
        <v>23</v>
      </c>
      <c r="C62" s="32"/>
      <c r="D62" s="38"/>
      <c r="E62" s="38"/>
      <c r="F62" s="38"/>
      <c r="G62" s="38"/>
      <c r="H62" s="38"/>
      <c r="I62" s="38"/>
      <c r="J62" s="38"/>
      <c r="K62" s="38"/>
      <c r="L62" s="45"/>
      <c r="M62" s="62"/>
      <c r="N62" s="62"/>
      <c r="O62" s="62"/>
      <c r="P62" s="62"/>
      <c r="Q62" s="62"/>
      <c r="R62" s="62"/>
      <c r="S62" s="62"/>
      <c r="T62" s="62"/>
      <c r="U62" s="62"/>
      <c r="V62" s="62"/>
      <c r="W62" s="62"/>
      <c r="X62" s="59"/>
      <c r="Y62" s="112"/>
      <c r="Z62" s="116" t="str">
        <f>IFERROR(VLOOKUP(Y62,'[1]【参考】数式用'!$A$3:$B$46,2,FALSE),"")</f>
        <v/>
      </c>
      <c r="AA62" s="118"/>
    </row>
    <row r="63" spans="1:27" ht="38.25" customHeight="1">
      <c r="A63" s="7"/>
      <c r="B63" s="20">
        <f t="shared" si="0"/>
        <v>24</v>
      </c>
      <c r="C63" s="32"/>
      <c r="D63" s="38"/>
      <c r="E63" s="38"/>
      <c r="F63" s="38"/>
      <c r="G63" s="38"/>
      <c r="H63" s="38"/>
      <c r="I63" s="38"/>
      <c r="J63" s="38"/>
      <c r="K63" s="38"/>
      <c r="L63" s="45"/>
      <c r="M63" s="62"/>
      <c r="N63" s="62"/>
      <c r="O63" s="62"/>
      <c r="P63" s="62"/>
      <c r="Q63" s="62"/>
      <c r="R63" s="62"/>
      <c r="S63" s="62"/>
      <c r="T63" s="62"/>
      <c r="U63" s="62"/>
      <c r="V63" s="62"/>
      <c r="W63" s="62"/>
      <c r="X63" s="59"/>
      <c r="Y63" s="112"/>
      <c r="Z63" s="116" t="str">
        <f>IFERROR(VLOOKUP(Y63,'[1]【参考】数式用'!$A$3:$B$46,2,FALSE),"")</f>
        <v/>
      </c>
      <c r="AA63" s="118"/>
    </row>
    <row r="64" spans="1:27" ht="38.25" customHeight="1">
      <c r="A64" s="7"/>
      <c r="B64" s="20">
        <f t="shared" si="0"/>
        <v>25</v>
      </c>
      <c r="C64" s="32"/>
      <c r="D64" s="38"/>
      <c r="E64" s="38"/>
      <c r="F64" s="38"/>
      <c r="G64" s="38"/>
      <c r="H64" s="38"/>
      <c r="I64" s="38"/>
      <c r="J64" s="38"/>
      <c r="K64" s="38"/>
      <c r="L64" s="45"/>
      <c r="M64" s="62"/>
      <c r="N64" s="62"/>
      <c r="O64" s="62"/>
      <c r="P64" s="62"/>
      <c r="Q64" s="62"/>
      <c r="R64" s="62"/>
      <c r="S64" s="62"/>
      <c r="T64" s="62"/>
      <c r="U64" s="62"/>
      <c r="V64" s="62"/>
      <c r="W64" s="62"/>
      <c r="X64" s="59"/>
      <c r="Y64" s="112"/>
      <c r="Z64" s="116" t="str">
        <f>IFERROR(VLOOKUP(Y64,'[1]【参考】数式用'!$A$3:$B$46,2,FALSE),"")</f>
        <v/>
      </c>
      <c r="AA64" s="118"/>
    </row>
    <row r="65" spans="1:27" ht="38.25" customHeight="1">
      <c r="A65" s="7"/>
      <c r="B65" s="20">
        <f t="shared" si="0"/>
        <v>26</v>
      </c>
      <c r="C65" s="32"/>
      <c r="D65" s="38"/>
      <c r="E65" s="38"/>
      <c r="F65" s="38"/>
      <c r="G65" s="38"/>
      <c r="H65" s="38"/>
      <c r="I65" s="38"/>
      <c r="J65" s="38"/>
      <c r="K65" s="38"/>
      <c r="L65" s="45"/>
      <c r="M65" s="62"/>
      <c r="N65" s="62"/>
      <c r="O65" s="62"/>
      <c r="P65" s="62"/>
      <c r="Q65" s="62"/>
      <c r="R65" s="62"/>
      <c r="S65" s="62"/>
      <c r="T65" s="62"/>
      <c r="U65" s="62"/>
      <c r="V65" s="62"/>
      <c r="W65" s="62"/>
      <c r="X65" s="59"/>
      <c r="Y65" s="112"/>
      <c r="Z65" s="116" t="str">
        <f>IFERROR(VLOOKUP(Y65,'[1]【参考】数式用'!$A$3:$B$46,2,FALSE),"")</f>
        <v/>
      </c>
      <c r="AA65" s="118"/>
    </row>
    <row r="66" spans="1:27" ht="38.25" customHeight="1">
      <c r="A66" s="7"/>
      <c r="B66" s="20">
        <f t="shared" si="0"/>
        <v>27</v>
      </c>
      <c r="C66" s="32"/>
      <c r="D66" s="38"/>
      <c r="E66" s="38"/>
      <c r="F66" s="38"/>
      <c r="G66" s="38"/>
      <c r="H66" s="38"/>
      <c r="I66" s="38"/>
      <c r="J66" s="38"/>
      <c r="K66" s="38"/>
      <c r="L66" s="45"/>
      <c r="M66" s="62"/>
      <c r="N66" s="62"/>
      <c r="O66" s="62"/>
      <c r="P66" s="62"/>
      <c r="Q66" s="62"/>
      <c r="R66" s="62"/>
      <c r="S66" s="62"/>
      <c r="T66" s="62"/>
      <c r="U66" s="62"/>
      <c r="V66" s="62"/>
      <c r="W66" s="62"/>
      <c r="X66" s="59"/>
      <c r="Y66" s="112"/>
      <c r="Z66" s="116" t="str">
        <f>IFERROR(VLOOKUP(Y66,'[1]【参考】数式用'!$A$3:$B$46,2,FALSE),"")</f>
        <v/>
      </c>
      <c r="AA66" s="118"/>
    </row>
    <row r="67" spans="1:27" ht="38.25" customHeight="1">
      <c r="A67" s="7"/>
      <c r="B67" s="20">
        <f t="shared" si="0"/>
        <v>28</v>
      </c>
      <c r="C67" s="32"/>
      <c r="D67" s="38"/>
      <c r="E67" s="38"/>
      <c r="F67" s="38"/>
      <c r="G67" s="38"/>
      <c r="H67" s="38"/>
      <c r="I67" s="38"/>
      <c r="J67" s="38"/>
      <c r="K67" s="38"/>
      <c r="L67" s="45"/>
      <c r="M67" s="62"/>
      <c r="N67" s="62"/>
      <c r="O67" s="62"/>
      <c r="P67" s="62"/>
      <c r="Q67" s="62"/>
      <c r="R67" s="62"/>
      <c r="S67" s="62"/>
      <c r="T67" s="62"/>
      <c r="U67" s="62"/>
      <c r="V67" s="62"/>
      <c r="W67" s="62"/>
      <c r="X67" s="59"/>
      <c r="Y67" s="112"/>
      <c r="Z67" s="116" t="str">
        <f>IFERROR(VLOOKUP(Y67,'[1]【参考】数式用'!$A$3:$B$46,2,FALSE),"")</f>
        <v/>
      </c>
      <c r="AA67" s="118"/>
    </row>
    <row r="68" spans="1:27" ht="38.25" customHeight="1">
      <c r="A68" s="7"/>
      <c r="B68" s="20">
        <f t="shared" si="0"/>
        <v>29</v>
      </c>
      <c r="C68" s="32"/>
      <c r="D68" s="38"/>
      <c r="E68" s="38"/>
      <c r="F68" s="38"/>
      <c r="G68" s="38"/>
      <c r="H68" s="38"/>
      <c r="I68" s="38"/>
      <c r="J68" s="38"/>
      <c r="K68" s="38"/>
      <c r="L68" s="45"/>
      <c r="M68" s="62"/>
      <c r="N68" s="62"/>
      <c r="O68" s="62"/>
      <c r="P68" s="62"/>
      <c r="Q68" s="62"/>
      <c r="R68" s="62"/>
      <c r="S68" s="62"/>
      <c r="T68" s="62"/>
      <c r="U68" s="62"/>
      <c r="V68" s="62"/>
      <c r="W68" s="62"/>
      <c r="X68" s="59"/>
      <c r="Y68" s="112"/>
      <c r="Z68" s="116" t="str">
        <f>IFERROR(VLOOKUP(Y68,'[1]【参考】数式用'!$A$3:$B$46,2,FALSE),"")</f>
        <v/>
      </c>
      <c r="AA68" s="118"/>
    </row>
    <row r="69" spans="1:27" ht="38.25" customHeight="1">
      <c r="A69" s="7"/>
      <c r="B69" s="20">
        <f t="shared" si="0"/>
        <v>30</v>
      </c>
      <c r="C69" s="32"/>
      <c r="D69" s="38"/>
      <c r="E69" s="38"/>
      <c r="F69" s="38"/>
      <c r="G69" s="38"/>
      <c r="H69" s="38"/>
      <c r="I69" s="38"/>
      <c r="J69" s="38"/>
      <c r="K69" s="38"/>
      <c r="L69" s="45"/>
      <c r="M69" s="62"/>
      <c r="N69" s="62"/>
      <c r="O69" s="62"/>
      <c r="P69" s="62"/>
      <c r="Q69" s="62"/>
      <c r="R69" s="62"/>
      <c r="S69" s="62"/>
      <c r="T69" s="62"/>
      <c r="U69" s="62"/>
      <c r="V69" s="62"/>
      <c r="W69" s="62"/>
      <c r="X69" s="59"/>
      <c r="Y69" s="112"/>
      <c r="Z69" s="116" t="str">
        <f>IFERROR(VLOOKUP(Y69,'[1]【参考】数式用'!$A$3:$B$46,2,FALSE),"")</f>
        <v/>
      </c>
      <c r="AA69" s="118"/>
    </row>
    <row r="70" spans="1:27" ht="38.25" customHeight="1">
      <c r="A70" s="7"/>
      <c r="B70" s="20">
        <f t="shared" si="0"/>
        <v>31</v>
      </c>
      <c r="C70" s="32"/>
      <c r="D70" s="38"/>
      <c r="E70" s="38"/>
      <c r="F70" s="38"/>
      <c r="G70" s="38"/>
      <c r="H70" s="38"/>
      <c r="I70" s="38"/>
      <c r="J70" s="38"/>
      <c r="K70" s="38"/>
      <c r="L70" s="45"/>
      <c r="M70" s="62"/>
      <c r="N70" s="62"/>
      <c r="O70" s="62"/>
      <c r="P70" s="62"/>
      <c r="Q70" s="62"/>
      <c r="R70" s="62"/>
      <c r="S70" s="62"/>
      <c r="T70" s="62"/>
      <c r="U70" s="62"/>
      <c r="V70" s="62"/>
      <c r="W70" s="62"/>
      <c r="X70" s="59"/>
      <c r="Y70" s="112"/>
      <c r="Z70" s="116" t="str">
        <f>IFERROR(VLOOKUP(Y70,'[1]【参考】数式用'!$A$3:$B$46,2,FALSE),"")</f>
        <v/>
      </c>
      <c r="AA70" s="118"/>
    </row>
    <row r="71" spans="1:27" ht="38.25" customHeight="1">
      <c r="A71" s="7"/>
      <c r="B71" s="20">
        <f t="shared" si="0"/>
        <v>32</v>
      </c>
      <c r="C71" s="32"/>
      <c r="D71" s="38"/>
      <c r="E71" s="38"/>
      <c r="F71" s="38"/>
      <c r="G71" s="38"/>
      <c r="H71" s="38"/>
      <c r="I71" s="38"/>
      <c r="J71" s="38"/>
      <c r="K71" s="38"/>
      <c r="L71" s="45"/>
      <c r="M71" s="62"/>
      <c r="N71" s="62"/>
      <c r="O71" s="62"/>
      <c r="P71" s="62"/>
      <c r="Q71" s="62"/>
      <c r="R71" s="62"/>
      <c r="S71" s="62"/>
      <c r="T71" s="62"/>
      <c r="U71" s="62"/>
      <c r="V71" s="62"/>
      <c r="W71" s="62"/>
      <c r="X71" s="59"/>
      <c r="Y71" s="112"/>
      <c r="Z71" s="116" t="str">
        <f>IFERROR(VLOOKUP(Y71,'[1]【参考】数式用'!$A$3:$B$46,2,FALSE),"")</f>
        <v/>
      </c>
      <c r="AA71" s="118"/>
    </row>
    <row r="72" spans="1:27" ht="38.25" customHeight="1">
      <c r="A72" s="7"/>
      <c r="B72" s="20">
        <f t="shared" si="0"/>
        <v>33</v>
      </c>
      <c r="C72" s="32"/>
      <c r="D72" s="38"/>
      <c r="E72" s="38"/>
      <c r="F72" s="38"/>
      <c r="G72" s="38"/>
      <c r="H72" s="38"/>
      <c r="I72" s="38"/>
      <c r="J72" s="38"/>
      <c r="K72" s="38"/>
      <c r="L72" s="45"/>
      <c r="M72" s="62"/>
      <c r="N72" s="62"/>
      <c r="O72" s="62"/>
      <c r="P72" s="62"/>
      <c r="Q72" s="62"/>
      <c r="R72" s="62"/>
      <c r="S72" s="62"/>
      <c r="T72" s="62"/>
      <c r="U72" s="62"/>
      <c r="V72" s="62"/>
      <c r="W72" s="62"/>
      <c r="X72" s="59"/>
      <c r="Y72" s="112"/>
      <c r="Z72" s="116" t="str">
        <f>IFERROR(VLOOKUP(Y72,'[1]【参考】数式用'!$A$3:$B$46,2,FALSE),"")</f>
        <v/>
      </c>
      <c r="AA72" s="118"/>
    </row>
    <row r="73" spans="1:27" ht="38.25" customHeight="1">
      <c r="A73" s="7"/>
      <c r="B73" s="20">
        <f t="shared" si="0"/>
        <v>34</v>
      </c>
      <c r="C73" s="32"/>
      <c r="D73" s="38"/>
      <c r="E73" s="38"/>
      <c r="F73" s="38"/>
      <c r="G73" s="38"/>
      <c r="H73" s="38"/>
      <c r="I73" s="38"/>
      <c r="J73" s="38"/>
      <c r="K73" s="38"/>
      <c r="L73" s="45"/>
      <c r="M73" s="62"/>
      <c r="N73" s="62"/>
      <c r="O73" s="62"/>
      <c r="P73" s="62"/>
      <c r="Q73" s="62"/>
      <c r="R73" s="62"/>
      <c r="S73" s="62"/>
      <c r="T73" s="62"/>
      <c r="U73" s="62"/>
      <c r="V73" s="62"/>
      <c r="W73" s="62"/>
      <c r="X73" s="59"/>
      <c r="Y73" s="112"/>
      <c r="Z73" s="116" t="str">
        <f>IFERROR(VLOOKUP(Y73,'[1]【参考】数式用'!$A$3:$B$46,2,FALSE),"")</f>
        <v/>
      </c>
      <c r="AA73" s="118"/>
    </row>
    <row r="74" spans="1:27" ht="38.25" customHeight="1">
      <c r="A74" s="7"/>
      <c r="B74" s="20">
        <f t="shared" si="0"/>
        <v>35</v>
      </c>
      <c r="C74" s="32"/>
      <c r="D74" s="38"/>
      <c r="E74" s="38"/>
      <c r="F74" s="38"/>
      <c r="G74" s="38"/>
      <c r="H74" s="38"/>
      <c r="I74" s="38"/>
      <c r="J74" s="38"/>
      <c r="K74" s="38"/>
      <c r="L74" s="45"/>
      <c r="M74" s="62"/>
      <c r="N74" s="62"/>
      <c r="O74" s="62"/>
      <c r="P74" s="62"/>
      <c r="Q74" s="62"/>
      <c r="R74" s="62"/>
      <c r="S74" s="62"/>
      <c r="T74" s="62"/>
      <c r="U74" s="62"/>
      <c r="V74" s="62"/>
      <c r="W74" s="62"/>
      <c r="X74" s="59"/>
      <c r="Y74" s="112"/>
      <c r="Z74" s="116" t="str">
        <f>IFERROR(VLOOKUP(Y74,'[1]【参考】数式用'!$A$3:$B$46,2,FALSE),"")</f>
        <v/>
      </c>
      <c r="AA74" s="118"/>
    </row>
    <row r="75" spans="1:27" ht="38.25" customHeight="1">
      <c r="A75" s="7"/>
      <c r="B75" s="20">
        <f t="shared" si="0"/>
        <v>36</v>
      </c>
      <c r="C75" s="32"/>
      <c r="D75" s="38"/>
      <c r="E75" s="38"/>
      <c r="F75" s="38"/>
      <c r="G75" s="38"/>
      <c r="H75" s="38"/>
      <c r="I75" s="38"/>
      <c r="J75" s="38"/>
      <c r="K75" s="38"/>
      <c r="L75" s="45"/>
      <c r="M75" s="62"/>
      <c r="N75" s="62"/>
      <c r="O75" s="62"/>
      <c r="P75" s="62"/>
      <c r="Q75" s="62"/>
      <c r="R75" s="62"/>
      <c r="S75" s="62"/>
      <c r="T75" s="62"/>
      <c r="U75" s="62"/>
      <c r="V75" s="62"/>
      <c r="W75" s="62"/>
      <c r="X75" s="59"/>
      <c r="Y75" s="112"/>
      <c r="Z75" s="116" t="str">
        <f>IFERROR(VLOOKUP(Y75,'[1]【参考】数式用'!$A$3:$B$46,2,FALSE),"")</f>
        <v/>
      </c>
      <c r="AA75" s="118"/>
    </row>
    <row r="76" spans="1:27" ht="38.25" customHeight="1">
      <c r="A76" s="7"/>
      <c r="B76" s="20">
        <f t="shared" si="0"/>
        <v>37</v>
      </c>
      <c r="C76" s="32"/>
      <c r="D76" s="38"/>
      <c r="E76" s="38"/>
      <c r="F76" s="38"/>
      <c r="G76" s="38"/>
      <c r="H76" s="38"/>
      <c r="I76" s="38"/>
      <c r="J76" s="38"/>
      <c r="K76" s="38"/>
      <c r="L76" s="45"/>
      <c r="M76" s="62"/>
      <c r="N76" s="62"/>
      <c r="O76" s="62"/>
      <c r="P76" s="62"/>
      <c r="Q76" s="62"/>
      <c r="R76" s="62"/>
      <c r="S76" s="62"/>
      <c r="T76" s="62"/>
      <c r="U76" s="62"/>
      <c r="V76" s="62"/>
      <c r="W76" s="62"/>
      <c r="X76" s="59"/>
      <c r="Y76" s="112"/>
      <c r="Z76" s="116" t="str">
        <f>IFERROR(VLOOKUP(Y76,'[1]【参考】数式用'!$A$3:$B$46,2,FALSE),"")</f>
        <v/>
      </c>
      <c r="AA76" s="118"/>
    </row>
    <row r="77" spans="1:27" ht="38.25" customHeight="1">
      <c r="A77" s="7"/>
      <c r="B77" s="20">
        <f t="shared" si="0"/>
        <v>38</v>
      </c>
      <c r="C77" s="32"/>
      <c r="D77" s="38"/>
      <c r="E77" s="38"/>
      <c r="F77" s="38"/>
      <c r="G77" s="38"/>
      <c r="H77" s="38"/>
      <c r="I77" s="38"/>
      <c r="J77" s="38"/>
      <c r="K77" s="38"/>
      <c r="L77" s="45"/>
      <c r="M77" s="62"/>
      <c r="N77" s="62"/>
      <c r="O77" s="62"/>
      <c r="P77" s="62"/>
      <c r="Q77" s="62"/>
      <c r="R77" s="62"/>
      <c r="S77" s="62"/>
      <c r="T77" s="62"/>
      <c r="U77" s="62"/>
      <c r="V77" s="62"/>
      <c r="W77" s="62"/>
      <c r="X77" s="59"/>
      <c r="Y77" s="112"/>
      <c r="Z77" s="116" t="str">
        <f>IFERROR(VLOOKUP(Y77,'[1]【参考】数式用'!$A$3:$B$46,2,FALSE),"")</f>
        <v/>
      </c>
      <c r="AA77" s="118"/>
    </row>
    <row r="78" spans="1:27" ht="38.25" customHeight="1">
      <c r="A78" s="7"/>
      <c r="B78" s="20">
        <f t="shared" si="0"/>
        <v>39</v>
      </c>
      <c r="C78" s="32"/>
      <c r="D78" s="38"/>
      <c r="E78" s="38"/>
      <c r="F78" s="38"/>
      <c r="G78" s="38"/>
      <c r="H78" s="38"/>
      <c r="I78" s="38"/>
      <c r="J78" s="38"/>
      <c r="K78" s="38"/>
      <c r="L78" s="45"/>
      <c r="M78" s="62"/>
      <c r="N78" s="62"/>
      <c r="O78" s="62"/>
      <c r="P78" s="62"/>
      <c r="Q78" s="62"/>
      <c r="R78" s="62"/>
      <c r="S78" s="62"/>
      <c r="T78" s="62"/>
      <c r="U78" s="62"/>
      <c r="V78" s="62"/>
      <c r="W78" s="62"/>
      <c r="X78" s="59"/>
      <c r="Y78" s="112"/>
      <c r="Z78" s="116" t="str">
        <f>IFERROR(VLOOKUP(Y78,'[1]【参考】数式用'!$A$3:$B$46,2,FALSE),"")</f>
        <v/>
      </c>
      <c r="AA78" s="118"/>
    </row>
    <row r="79" spans="1:27" ht="38.25" customHeight="1">
      <c r="A79" s="7"/>
      <c r="B79" s="20">
        <f t="shared" si="0"/>
        <v>40</v>
      </c>
      <c r="C79" s="32"/>
      <c r="D79" s="38"/>
      <c r="E79" s="38"/>
      <c r="F79" s="38"/>
      <c r="G79" s="38"/>
      <c r="H79" s="38"/>
      <c r="I79" s="38"/>
      <c r="J79" s="38"/>
      <c r="K79" s="38"/>
      <c r="L79" s="45"/>
      <c r="M79" s="62"/>
      <c r="N79" s="62"/>
      <c r="O79" s="62"/>
      <c r="P79" s="62"/>
      <c r="Q79" s="62"/>
      <c r="R79" s="62"/>
      <c r="S79" s="62"/>
      <c r="T79" s="62"/>
      <c r="U79" s="62"/>
      <c r="V79" s="62"/>
      <c r="W79" s="62"/>
      <c r="X79" s="59"/>
      <c r="Y79" s="112"/>
      <c r="Z79" s="116" t="str">
        <f>IFERROR(VLOOKUP(Y79,'[1]【参考】数式用'!$A$3:$B$46,2,FALSE),"")</f>
        <v/>
      </c>
      <c r="AA79" s="118"/>
    </row>
    <row r="80" spans="1:27" ht="38.25" customHeight="1">
      <c r="A80" s="7"/>
      <c r="B80" s="20">
        <f t="shared" si="0"/>
        <v>41</v>
      </c>
      <c r="C80" s="32"/>
      <c r="D80" s="38"/>
      <c r="E80" s="38"/>
      <c r="F80" s="38"/>
      <c r="G80" s="38"/>
      <c r="H80" s="38"/>
      <c r="I80" s="38"/>
      <c r="J80" s="38"/>
      <c r="K80" s="38"/>
      <c r="L80" s="45"/>
      <c r="M80" s="62"/>
      <c r="N80" s="62"/>
      <c r="O80" s="62"/>
      <c r="P80" s="62"/>
      <c r="Q80" s="62"/>
      <c r="R80" s="62"/>
      <c r="S80" s="62"/>
      <c r="T80" s="62"/>
      <c r="U80" s="62"/>
      <c r="V80" s="62"/>
      <c r="W80" s="62"/>
      <c r="X80" s="59"/>
      <c r="Y80" s="112"/>
      <c r="Z80" s="116" t="str">
        <f>IFERROR(VLOOKUP(Y80,'[1]【参考】数式用'!$A$3:$B$46,2,FALSE),"")</f>
        <v/>
      </c>
      <c r="AA80" s="118"/>
    </row>
    <row r="81" spans="1:27" ht="38.25" customHeight="1">
      <c r="A81" s="7"/>
      <c r="B81" s="20">
        <f t="shared" si="0"/>
        <v>42</v>
      </c>
      <c r="C81" s="32"/>
      <c r="D81" s="38"/>
      <c r="E81" s="38"/>
      <c r="F81" s="38"/>
      <c r="G81" s="38"/>
      <c r="H81" s="38"/>
      <c r="I81" s="38"/>
      <c r="J81" s="38"/>
      <c r="K81" s="38"/>
      <c r="L81" s="45"/>
      <c r="M81" s="62"/>
      <c r="N81" s="62"/>
      <c r="O81" s="62"/>
      <c r="P81" s="62"/>
      <c r="Q81" s="62"/>
      <c r="R81" s="62"/>
      <c r="S81" s="62"/>
      <c r="T81" s="62"/>
      <c r="U81" s="62"/>
      <c r="V81" s="62"/>
      <c r="W81" s="62"/>
      <c r="X81" s="59"/>
      <c r="Y81" s="112"/>
      <c r="Z81" s="116" t="str">
        <f>IFERROR(VLOOKUP(Y81,'[1]【参考】数式用'!$A$3:$B$46,2,FALSE),"")</f>
        <v/>
      </c>
      <c r="AA81" s="118"/>
    </row>
    <row r="82" spans="1:27" ht="38.25" customHeight="1">
      <c r="A82" s="7"/>
      <c r="B82" s="20">
        <f t="shared" si="0"/>
        <v>43</v>
      </c>
      <c r="C82" s="32"/>
      <c r="D82" s="38"/>
      <c r="E82" s="38"/>
      <c r="F82" s="38"/>
      <c r="G82" s="38"/>
      <c r="H82" s="38"/>
      <c r="I82" s="38"/>
      <c r="J82" s="38"/>
      <c r="K82" s="38"/>
      <c r="L82" s="45"/>
      <c r="M82" s="62"/>
      <c r="N82" s="62"/>
      <c r="O82" s="62"/>
      <c r="P82" s="62"/>
      <c r="Q82" s="62"/>
      <c r="R82" s="62"/>
      <c r="S82" s="62"/>
      <c r="T82" s="62"/>
      <c r="U82" s="62"/>
      <c r="V82" s="62"/>
      <c r="W82" s="62"/>
      <c r="X82" s="59"/>
      <c r="Y82" s="112"/>
      <c r="Z82" s="116" t="str">
        <f>IFERROR(VLOOKUP(Y82,'[1]【参考】数式用'!$A$3:$B$46,2,FALSE),"")</f>
        <v/>
      </c>
      <c r="AA82" s="118"/>
    </row>
    <row r="83" spans="1:27" ht="38.25" customHeight="1">
      <c r="A83" s="7"/>
      <c r="B83" s="20">
        <f t="shared" si="0"/>
        <v>44</v>
      </c>
      <c r="C83" s="32"/>
      <c r="D83" s="38"/>
      <c r="E83" s="38"/>
      <c r="F83" s="38"/>
      <c r="G83" s="38"/>
      <c r="H83" s="38"/>
      <c r="I83" s="38"/>
      <c r="J83" s="38"/>
      <c r="K83" s="38"/>
      <c r="L83" s="45"/>
      <c r="M83" s="62"/>
      <c r="N83" s="62"/>
      <c r="O83" s="62"/>
      <c r="P83" s="62"/>
      <c r="Q83" s="62"/>
      <c r="R83" s="62"/>
      <c r="S83" s="62"/>
      <c r="T83" s="62"/>
      <c r="U83" s="62"/>
      <c r="V83" s="62"/>
      <c r="W83" s="62"/>
      <c r="X83" s="59"/>
      <c r="Y83" s="112"/>
      <c r="Z83" s="116" t="str">
        <f>IFERROR(VLOOKUP(Y83,'[1]【参考】数式用'!$A$3:$B$46,2,FALSE),"")</f>
        <v/>
      </c>
      <c r="AA83" s="118"/>
    </row>
    <row r="84" spans="1:27" ht="38.25" customHeight="1">
      <c r="A84" s="7"/>
      <c r="B84" s="20">
        <f t="shared" si="0"/>
        <v>45</v>
      </c>
      <c r="C84" s="32"/>
      <c r="D84" s="38"/>
      <c r="E84" s="38"/>
      <c r="F84" s="38"/>
      <c r="G84" s="38"/>
      <c r="H84" s="38"/>
      <c r="I84" s="38"/>
      <c r="J84" s="38"/>
      <c r="K84" s="38"/>
      <c r="L84" s="45"/>
      <c r="M84" s="62"/>
      <c r="N84" s="62"/>
      <c r="O84" s="62"/>
      <c r="P84" s="62"/>
      <c r="Q84" s="62"/>
      <c r="R84" s="62"/>
      <c r="S84" s="62"/>
      <c r="T84" s="62"/>
      <c r="U84" s="62"/>
      <c r="V84" s="62"/>
      <c r="W84" s="62"/>
      <c r="X84" s="59"/>
      <c r="Y84" s="112"/>
      <c r="Z84" s="116" t="str">
        <f>IFERROR(VLOOKUP(Y84,'[1]【参考】数式用'!$A$3:$B$46,2,FALSE),"")</f>
        <v/>
      </c>
      <c r="AA84" s="118"/>
    </row>
    <row r="85" spans="1:27" ht="38.25" customHeight="1">
      <c r="A85" s="7"/>
      <c r="B85" s="20">
        <f t="shared" si="0"/>
        <v>46</v>
      </c>
      <c r="C85" s="32"/>
      <c r="D85" s="38"/>
      <c r="E85" s="38"/>
      <c r="F85" s="38"/>
      <c r="G85" s="38"/>
      <c r="H85" s="38"/>
      <c r="I85" s="38"/>
      <c r="J85" s="38"/>
      <c r="K85" s="38"/>
      <c r="L85" s="45"/>
      <c r="M85" s="62"/>
      <c r="N85" s="62"/>
      <c r="O85" s="62"/>
      <c r="P85" s="62"/>
      <c r="Q85" s="62"/>
      <c r="R85" s="62"/>
      <c r="S85" s="62"/>
      <c r="T85" s="62"/>
      <c r="U85" s="62"/>
      <c r="V85" s="62"/>
      <c r="W85" s="62"/>
      <c r="X85" s="59"/>
      <c r="Y85" s="112"/>
      <c r="Z85" s="116" t="str">
        <f>IFERROR(VLOOKUP(Y85,'[1]【参考】数式用'!$A$3:$B$46,2,FALSE),"")</f>
        <v/>
      </c>
      <c r="AA85" s="118"/>
    </row>
    <row r="86" spans="1:27" ht="38.25" customHeight="1">
      <c r="A86" s="7"/>
      <c r="B86" s="20">
        <f t="shared" si="0"/>
        <v>47</v>
      </c>
      <c r="C86" s="32"/>
      <c r="D86" s="38"/>
      <c r="E86" s="38"/>
      <c r="F86" s="38"/>
      <c r="G86" s="38"/>
      <c r="H86" s="38"/>
      <c r="I86" s="38"/>
      <c r="J86" s="38"/>
      <c r="K86" s="38"/>
      <c r="L86" s="45"/>
      <c r="M86" s="62"/>
      <c r="N86" s="62"/>
      <c r="O86" s="62"/>
      <c r="P86" s="62"/>
      <c r="Q86" s="62"/>
      <c r="R86" s="62"/>
      <c r="S86" s="62"/>
      <c r="T86" s="62"/>
      <c r="U86" s="62"/>
      <c r="V86" s="62"/>
      <c r="W86" s="62"/>
      <c r="X86" s="59"/>
      <c r="Y86" s="112"/>
      <c r="Z86" s="116" t="str">
        <f>IFERROR(VLOOKUP(Y86,'[1]【参考】数式用'!$A$3:$B$46,2,FALSE),"")</f>
        <v/>
      </c>
      <c r="AA86" s="118"/>
    </row>
    <row r="87" spans="1:27" ht="38.25" customHeight="1">
      <c r="A87" s="7"/>
      <c r="B87" s="20">
        <f t="shared" si="0"/>
        <v>48</v>
      </c>
      <c r="C87" s="32"/>
      <c r="D87" s="38"/>
      <c r="E87" s="38"/>
      <c r="F87" s="38"/>
      <c r="G87" s="38"/>
      <c r="H87" s="38"/>
      <c r="I87" s="38"/>
      <c r="J87" s="38"/>
      <c r="K87" s="38"/>
      <c r="L87" s="45"/>
      <c r="M87" s="62"/>
      <c r="N87" s="62"/>
      <c r="O87" s="62"/>
      <c r="P87" s="62"/>
      <c r="Q87" s="62"/>
      <c r="R87" s="62"/>
      <c r="S87" s="62"/>
      <c r="T87" s="62"/>
      <c r="U87" s="62"/>
      <c r="V87" s="62"/>
      <c r="W87" s="62"/>
      <c r="X87" s="59"/>
      <c r="Y87" s="112"/>
      <c r="Z87" s="116" t="str">
        <f>IFERROR(VLOOKUP(Y87,'[1]【参考】数式用'!$A$3:$B$46,2,FALSE),"")</f>
        <v/>
      </c>
      <c r="AA87" s="118"/>
    </row>
    <row r="88" spans="1:27" ht="38.25" customHeight="1">
      <c r="A88" s="7"/>
      <c r="B88" s="20">
        <f t="shared" si="0"/>
        <v>49</v>
      </c>
      <c r="C88" s="32"/>
      <c r="D88" s="38"/>
      <c r="E88" s="38"/>
      <c r="F88" s="38"/>
      <c r="G88" s="38"/>
      <c r="H88" s="38"/>
      <c r="I88" s="38"/>
      <c r="J88" s="38"/>
      <c r="K88" s="38"/>
      <c r="L88" s="45"/>
      <c r="M88" s="62"/>
      <c r="N88" s="62"/>
      <c r="O88" s="62"/>
      <c r="P88" s="62"/>
      <c r="Q88" s="62"/>
      <c r="R88" s="62"/>
      <c r="S88" s="62"/>
      <c r="T88" s="62"/>
      <c r="U88" s="62"/>
      <c r="V88" s="62"/>
      <c r="W88" s="62"/>
      <c r="X88" s="59"/>
      <c r="Y88" s="112"/>
      <c r="Z88" s="116" t="str">
        <f>IFERROR(VLOOKUP(Y88,'[1]【参考】数式用'!$A$3:$B$46,2,FALSE),"")</f>
        <v/>
      </c>
      <c r="AA88" s="118"/>
    </row>
    <row r="89" spans="1:27" ht="38.25" customHeight="1">
      <c r="A89" s="7"/>
      <c r="B89" s="20">
        <f t="shared" si="0"/>
        <v>50</v>
      </c>
      <c r="C89" s="32"/>
      <c r="D89" s="38"/>
      <c r="E89" s="38"/>
      <c r="F89" s="38"/>
      <c r="G89" s="38"/>
      <c r="H89" s="38"/>
      <c r="I89" s="38"/>
      <c r="J89" s="38"/>
      <c r="K89" s="38"/>
      <c r="L89" s="45"/>
      <c r="M89" s="62"/>
      <c r="N89" s="62"/>
      <c r="O89" s="62"/>
      <c r="P89" s="62"/>
      <c r="Q89" s="62"/>
      <c r="R89" s="62"/>
      <c r="S89" s="62"/>
      <c r="T89" s="62"/>
      <c r="U89" s="62"/>
      <c r="V89" s="62"/>
      <c r="W89" s="62"/>
      <c r="X89" s="59"/>
      <c r="Y89" s="112"/>
      <c r="Z89" s="116" t="str">
        <f>IFERROR(VLOOKUP(Y89,'[1]【参考】数式用'!$A$3:$B$46,2,FALSE),"")</f>
        <v/>
      </c>
      <c r="AA89" s="118"/>
    </row>
    <row r="90" spans="1:27" ht="38.25" customHeight="1">
      <c r="A90" s="7"/>
      <c r="B90" s="20">
        <f t="shared" si="0"/>
        <v>51</v>
      </c>
      <c r="C90" s="32"/>
      <c r="D90" s="38"/>
      <c r="E90" s="38"/>
      <c r="F90" s="38"/>
      <c r="G90" s="38"/>
      <c r="H90" s="38"/>
      <c r="I90" s="38"/>
      <c r="J90" s="38"/>
      <c r="K90" s="38"/>
      <c r="L90" s="45"/>
      <c r="M90" s="62"/>
      <c r="N90" s="62"/>
      <c r="O90" s="62"/>
      <c r="P90" s="62"/>
      <c r="Q90" s="62"/>
      <c r="R90" s="62"/>
      <c r="S90" s="62"/>
      <c r="T90" s="62"/>
      <c r="U90" s="62"/>
      <c r="V90" s="62"/>
      <c r="W90" s="62"/>
      <c r="X90" s="59"/>
      <c r="Y90" s="112"/>
      <c r="Z90" s="116" t="str">
        <f>IFERROR(VLOOKUP(Y90,'[1]【参考】数式用'!$A$3:$B$46,2,FALSE),"")</f>
        <v/>
      </c>
      <c r="AA90" s="118"/>
    </row>
    <row r="91" spans="1:27" ht="38.25" customHeight="1">
      <c r="A91" s="7"/>
      <c r="B91" s="20">
        <f t="shared" si="0"/>
        <v>52</v>
      </c>
      <c r="C91" s="32"/>
      <c r="D91" s="38"/>
      <c r="E91" s="38"/>
      <c r="F91" s="38"/>
      <c r="G91" s="38"/>
      <c r="H91" s="38"/>
      <c r="I91" s="38"/>
      <c r="J91" s="38"/>
      <c r="K91" s="38"/>
      <c r="L91" s="45"/>
      <c r="M91" s="62"/>
      <c r="N91" s="62"/>
      <c r="O91" s="62"/>
      <c r="P91" s="62"/>
      <c r="Q91" s="62"/>
      <c r="R91" s="62"/>
      <c r="S91" s="62"/>
      <c r="T91" s="62"/>
      <c r="U91" s="62"/>
      <c r="V91" s="62"/>
      <c r="W91" s="62"/>
      <c r="X91" s="59"/>
      <c r="Y91" s="112"/>
      <c r="Z91" s="116" t="str">
        <f>IFERROR(VLOOKUP(Y91,'[1]【参考】数式用'!$A$3:$B$46,2,FALSE),"")</f>
        <v/>
      </c>
      <c r="AA91" s="118"/>
    </row>
    <row r="92" spans="1:27" ht="38.25" customHeight="1">
      <c r="A92" s="7"/>
      <c r="B92" s="20">
        <f t="shared" si="0"/>
        <v>53</v>
      </c>
      <c r="C92" s="32"/>
      <c r="D92" s="38"/>
      <c r="E92" s="38"/>
      <c r="F92" s="38"/>
      <c r="G92" s="38"/>
      <c r="H92" s="38"/>
      <c r="I92" s="38"/>
      <c r="J92" s="38"/>
      <c r="K92" s="38"/>
      <c r="L92" s="45"/>
      <c r="M92" s="62"/>
      <c r="N92" s="62"/>
      <c r="O92" s="62"/>
      <c r="P92" s="62"/>
      <c r="Q92" s="62"/>
      <c r="R92" s="62"/>
      <c r="S92" s="62"/>
      <c r="T92" s="62"/>
      <c r="U92" s="62"/>
      <c r="V92" s="62"/>
      <c r="W92" s="62"/>
      <c r="X92" s="59"/>
      <c r="Y92" s="112"/>
      <c r="Z92" s="116" t="str">
        <f>IFERROR(VLOOKUP(Y92,'[1]【参考】数式用'!$A$3:$B$46,2,FALSE),"")</f>
        <v/>
      </c>
      <c r="AA92" s="118"/>
    </row>
    <row r="93" spans="1:27" ht="38.25" customHeight="1">
      <c r="A93" s="7"/>
      <c r="B93" s="20">
        <f t="shared" si="0"/>
        <v>54</v>
      </c>
      <c r="C93" s="32"/>
      <c r="D93" s="38"/>
      <c r="E93" s="38"/>
      <c r="F93" s="38"/>
      <c r="G93" s="38"/>
      <c r="H93" s="38"/>
      <c r="I93" s="38"/>
      <c r="J93" s="38"/>
      <c r="K93" s="38"/>
      <c r="L93" s="45"/>
      <c r="M93" s="62"/>
      <c r="N93" s="62"/>
      <c r="O93" s="62"/>
      <c r="P93" s="62"/>
      <c r="Q93" s="62"/>
      <c r="R93" s="62"/>
      <c r="S93" s="62"/>
      <c r="T93" s="62"/>
      <c r="U93" s="62"/>
      <c r="V93" s="62"/>
      <c r="W93" s="62"/>
      <c r="X93" s="59"/>
      <c r="Y93" s="112"/>
      <c r="Z93" s="116" t="str">
        <f>IFERROR(VLOOKUP(Y93,'[1]【参考】数式用'!$A$3:$B$46,2,FALSE),"")</f>
        <v/>
      </c>
      <c r="AA93" s="118"/>
    </row>
    <row r="94" spans="1:27" ht="38.25" customHeight="1">
      <c r="A94" s="7"/>
      <c r="B94" s="20">
        <f t="shared" si="0"/>
        <v>55</v>
      </c>
      <c r="C94" s="32"/>
      <c r="D94" s="38"/>
      <c r="E94" s="38"/>
      <c r="F94" s="38"/>
      <c r="G94" s="38"/>
      <c r="H94" s="38"/>
      <c r="I94" s="38"/>
      <c r="J94" s="38"/>
      <c r="K94" s="38"/>
      <c r="L94" s="45"/>
      <c r="M94" s="62"/>
      <c r="N94" s="62"/>
      <c r="O94" s="62"/>
      <c r="P94" s="62"/>
      <c r="Q94" s="62"/>
      <c r="R94" s="62"/>
      <c r="S94" s="62"/>
      <c r="T94" s="62"/>
      <c r="U94" s="62"/>
      <c r="V94" s="62"/>
      <c r="W94" s="62"/>
      <c r="X94" s="59"/>
      <c r="Y94" s="112"/>
      <c r="Z94" s="116" t="str">
        <f>IFERROR(VLOOKUP(Y94,'[1]【参考】数式用'!$A$3:$B$46,2,FALSE),"")</f>
        <v/>
      </c>
      <c r="AA94" s="118"/>
    </row>
    <row r="95" spans="1:27" ht="38.25" customHeight="1">
      <c r="A95" s="7"/>
      <c r="B95" s="20">
        <f t="shared" si="0"/>
        <v>56</v>
      </c>
      <c r="C95" s="32"/>
      <c r="D95" s="38"/>
      <c r="E95" s="38"/>
      <c r="F95" s="38"/>
      <c r="G95" s="38"/>
      <c r="H95" s="38"/>
      <c r="I95" s="38"/>
      <c r="J95" s="38"/>
      <c r="K95" s="38"/>
      <c r="L95" s="45"/>
      <c r="M95" s="62"/>
      <c r="N95" s="62"/>
      <c r="O95" s="62"/>
      <c r="P95" s="62"/>
      <c r="Q95" s="62"/>
      <c r="R95" s="62"/>
      <c r="S95" s="62"/>
      <c r="T95" s="62"/>
      <c r="U95" s="62"/>
      <c r="V95" s="62"/>
      <c r="W95" s="62"/>
      <c r="X95" s="59"/>
      <c r="Y95" s="112"/>
      <c r="Z95" s="116" t="str">
        <f>IFERROR(VLOOKUP(Y95,'[1]【参考】数式用'!$A$3:$B$46,2,FALSE),"")</f>
        <v/>
      </c>
      <c r="AA95" s="118"/>
    </row>
    <row r="96" spans="1:27" ht="38.25" customHeight="1">
      <c r="A96" s="7"/>
      <c r="B96" s="20">
        <f t="shared" si="0"/>
        <v>57</v>
      </c>
      <c r="C96" s="32"/>
      <c r="D96" s="38"/>
      <c r="E96" s="38"/>
      <c r="F96" s="38"/>
      <c r="G96" s="38"/>
      <c r="H96" s="38"/>
      <c r="I96" s="38"/>
      <c r="J96" s="38"/>
      <c r="K96" s="38"/>
      <c r="L96" s="45"/>
      <c r="M96" s="62"/>
      <c r="N96" s="62"/>
      <c r="O96" s="62"/>
      <c r="P96" s="62"/>
      <c r="Q96" s="62"/>
      <c r="R96" s="62"/>
      <c r="S96" s="62"/>
      <c r="T96" s="62"/>
      <c r="U96" s="62"/>
      <c r="V96" s="62"/>
      <c r="W96" s="62"/>
      <c r="X96" s="59"/>
      <c r="Y96" s="112"/>
      <c r="Z96" s="116" t="str">
        <f>IFERROR(VLOOKUP(Y96,'[1]【参考】数式用'!$A$3:$B$46,2,FALSE),"")</f>
        <v/>
      </c>
      <c r="AA96" s="118"/>
    </row>
    <row r="97" spans="1:27" ht="38.25" customHeight="1">
      <c r="A97" s="7"/>
      <c r="B97" s="20">
        <f t="shared" si="0"/>
        <v>58</v>
      </c>
      <c r="C97" s="32"/>
      <c r="D97" s="38"/>
      <c r="E97" s="38"/>
      <c r="F97" s="38"/>
      <c r="G97" s="38"/>
      <c r="H97" s="38"/>
      <c r="I97" s="38"/>
      <c r="J97" s="38"/>
      <c r="K97" s="38"/>
      <c r="L97" s="45"/>
      <c r="M97" s="62"/>
      <c r="N97" s="62"/>
      <c r="O97" s="62"/>
      <c r="P97" s="62"/>
      <c r="Q97" s="62"/>
      <c r="R97" s="62"/>
      <c r="S97" s="62"/>
      <c r="T97" s="62"/>
      <c r="U97" s="62"/>
      <c r="V97" s="62"/>
      <c r="W97" s="62"/>
      <c r="X97" s="59"/>
      <c r="Y97" s="112"/>
      <c r="Z97" s="116" t="str">
        <f>IFERROR(VLOOKUP(Y97,'[1]【参考】数式用'!$A$3:$B$46,2,FALSE),"")</f>
        <v/>
      </c>
      <c r="AA97" s="118"/>
    </row>
    <row r="98" spans="1:27" ht="38.25" customHeight="1">
      <c r="A98" s="7"/>
      <c r="B98" s="20">
        <f t="shared" si="0"/>
        <v>59</v>
      </c>
      <c r="C98" s="32"/>
      <c r="D98" s="38"/>
      <c r="E98" s="38"/>
      <c r="F98" s="38"/>
      <c r="G98" s="38"/>
      <c r="H98" s="38"/>
      <c r="I98" s="38"/>
      <c r="J98" s="38"/>
      <c r="K98" s="38"/>
      <c r="L98" s="45"/>
      <c r="M98" s="62"/>
      <c r="N98" s="62"/>
      <c r="O98" s="62"/>
      <c r="P98" s="62"/>
      <c r="Q98" s="62"/>
      <c r="R98" s="62"/>
      <c r="S98" s="62"/>
      <c r="T98" s="62"/>
      <c r="U98" s="62"/>
      <c r="V98" s="62"/>
      <c r="W98" s="62"/>
      <c r="X98" s="59"/>
      <c r="Y98" s="112"/>
      <c r="Z98" s="116" t="str">
        <f>IFERROR(VLOOKUP(Y98,'[1]【参考】数式用'!$A$3:$B$46,2,FALSE),"")</f>
        <v/>
      </c>
      <c r="AA98" s="118"/>
    </row>
    <row r="99" spans="1:27" ht="38.25" customHeight="1">
      <c r="A99" s="7"/>
      <c r="B99" s="20">
        <f t="shared" si="0"/>
        <v>60</v>
      </c>
      <c r="C99" s="32"/>
      <c r="D99" s="38"/>
      <c r="E99" s="38"/>
      <c r="F99" s="38"/>
      <c r="G99" s="38"/>
      <c r="H99" s="38"/>
      <c r="I99" s="38"/>
      <c r="J99" s="38"/>
      <c r="K99" s="38"/>
      <c r="L99" s="45"/>
      <c r="M99" s="62"/>
      <c r="N99" s="62"/>
      <c r="O99" s="62"/>
      <c r="P99" s="62"/>
      <c r="Q99" s="62"/>
      <c r="R99" s="62"/>
      <c r="S99" s="62"/>
      <c r="T99" s="62"/>
      <c r="U99" s="62"/>
      <c r="V99" s="62"/>
      <c r="W99" s="62"/>
      <c r="X99" s="59"/>
      <c r="Y99" s="112"/>
      <c r="Z99" s="116" t="str">
        <f>IFERROR(VLOOKUP(Y99,'[1]【参考】数式用'!$A$3:$B$46,2,FALSE),"")</f>
        <v/>
      </c>
      <c r="AA99" s="118"/>
    </row>
    <row r="100" spans="1:27" ht="38.25" customHeight="1">
      <c r="A100" s="7"/>
      <c r="B100" s="20">
        <f t="shared" si="0"/>
        <v>61</v>
      </c>
      <c r="C100" s="32"/>
      <c r="D100" s="38"/>
      <c r="E100" s="38"/>
      <c r="F100" s="38"/>
      <c r="G100" s="38"/>
      <c r="H100" s="38"/>
      <c r="I100" s="38"/>
      <c r="J100" s="38"/>
      <c r="K100" s="38"/>
      <c r="L100" s="45"/>
      <c r="M100" s="62"/>
      <c r="N100" s="62"/>
      <c r="O100" s="62"/>
      <c r="P100" s="62"/>
      <c r="Q100" s="62"/>
      <c r="R100" s="62"/>
      <c r="S100" s="62"/>
      <c r="T100" s="62"/>
      <c r="U100" s="62"/>
      <c r="V100" s="62"/>
      <c r="W100" s="62"/>
      <c r="X100" s="59"/>
      <c r="Y100" s="112"/>
      <c r="Z100" s="116" t="str">
        <f>IFERROR(VLOOKUP(Y100,'[1]【参考】数式用'!$A$3:$B$46,2,FALSE),"")</f>
        <v/>
      </c>
      <c r="AA100" s="118"/>
    </row>
    <row r="101" spans="1:27" ht="38.25" customHeight="1">
      <c r="A101" s="7"/>
      <c r="B101" s="20">
        <f t="shared" si="0"/>
        <v>62</v>
      </c>
      <c r="C101" s="32"/>
      <c r="D101" s="38"/>
      <c r="E101" s="38"/>
      <c r="F101" s="38"/>
      <c r="G101" s="38"/>
      <c r="H101" s="38"/>
      <c r="I101" s="38"/>
      <c r="J101" s="38"/>
      <c r="K101" s="38"/>
      <c r="L101" s="45"/>
      <c r="M101" s="62"/>
      <c r="N101" s="62"/>
      <c r="O101" s="62"/>
      <c r="P101" s="62"/>
      <c r="Q101" s="62"/>
      <c r="R101" s="62"/>
      <c r="S101" s="62"/>
      <c r="T101" s="62"/>
      <c r="U101" s="62"/>
      <c r="V101" s="62"/>
      <c r="W101" s="62"/>
      <c r="X101" s="59"/>
      <c r="Y101" s="112"/>
      <c r="Z101" s="116" t="str">
        <f>IFERROR(VLOOKUP(Y101,'[1]【参考】数式用'!$A$3:$B$46,2,FALSE),"")</f>
        <v/>
      </c>
      <c r="AA101" s="118"/>
    </row>
    <row r="102" spans="1:27" ht="38.25" customHeight="1">
      <c r="A102" s="7"/>
      <c r="B102" s="20">
        <f t="shared" si="0"/>
        <v>63</v>
      </c>
      <c r="C102" s="32"/>
      <c r="D102" s="38"/>
      <c r="E102" s="38"/>
      <c r="F102" s="38"/>
      <c r="G102" s="38"/>
      <c r="H102" s="38"/>
      <c r="I102" s="38"/>
      <c r="J102" s="38"/>
      <c r="K102" s="38"/>
      <c r="L102" s="45"/>
      <c r="M102" s="62"/>
      <c r="N102" s="62"/>
      <c r="O102" s="62"/>
      <c r="P102" s="62"/>
      <c r="Q102" s="62"/>
      <c r="R102" s="62"/>
      <c r="S102" s="62"/>
      <c r="T102" s="62"/>
      <c r="U102" s="62"/>
      <c r="V102" s="62"/>
      <c r="W102" s="62"/>
      <c r="X102" s="59"/>
      <c r="Y102" s="112"/>
      <c r="Z102" s="116" t="str">
        <f>IFERROR(VLOOKUP(Y102,'[1]【参考】数式用'!$A$3:$B$46,2,FALSE),"")</f>
        <v/>
      </c>
      <c r="AA102" s="118"/>
    </row>
    <row r="103" spans="1:27" ht="38.25" customHeight="1">
      <c r="A103" s="7"/>
      <c r="B103" s="20">
        <f t="shared" si="0"/>
        <v>64</v>
      </c>
      <c r="C103" s="32"/>
      <c r="D103" s="38"/>
      <c r="E103" s="38"/>
      <c r="F103" s="38"/>
      <c r="G103" s="38"/>
      <c r="H103" s="38"/>
      <c r="I103" s="38"/>
      <c r="J103" s="38"/>
      <c r="K103" s="38"/>
      <c r="L103" s="45"/>
      <c r="M103" s="62"/>
      <c r="N103" s="62"/>
      <c r="O103" s="62"/>
      <c r="P103" s="62"/>
      <c r="Q103" s="62"/>
      <c r="R103" s="62"/>
      <c r="S103" s="62"/>
      <c r="T103" s="62"/>
      <c r="U103" s="62"/>
      <c r="V103" s="62"/>
      <c r="W103" s="62"/>
      <c r="X103" s="59"/>
      <c r="Y103" s="112"/>
      <c r="Z103" s="116" t="str">
        <f>IFERROR(VLOOKUP(Y103,'[1]【参考】数式用'!$A$3:$B$46,2,FALSE),"")</f>
        <v/>
      </c>
      <c r="AA103" s="118"/>
    </row>
    <row r="104" spans="1:27" ht="38.25" customHeight="1">
      <c r="A104" s="7"/>
      <c r="B104" s="20">
        <f t="shared" si="0"/>
        <v>65</v>
      </c>
      <c r="C104" s="32"/>
      <c r="D104" s="38"/>
      <c r="E104" s="38"/>
      <c r="F104" s="38"/>
      <c r="G104" s="38"/>
      <c r="H104" s="38"/>
      <c r="I104" s="38"/>
      <c r="J104" s="38"/>
      <c r="K104" s="38"/>
      <c r="L104" s="45"/>
      <c r="M104" s="62"/>
      <c r="N104" s="62"/>
      <c r="O104" s="62"/>
      <c r="P104" s="62"/>
      <c r="Q104" s="62"/>
      <c r="R104" s="62"/>
      <c r="S104" s="62"/>
      <c r="T104" s="62"/>
      <c r="U104" s="62"/>
      <c r="V104" s="62"/>
      <c r="W104" s="62"/>
      <c r="X104" s="59"/>
      <c r="Y104" s="112"/>
      <c r="Z104" s="116" t="str">
        <f>IFERROR(VLOOKUP(Y104,'[1]【参考】数式用'!$A$3:$B$46,2,FALSE),"")</f>
        <v/>
      </c>
      <c r="AA104" s="118"/>
    </row>
    <row r="105" spans="1:27" ht="38.25" customHeight="1">
      <c r="A105" s="7"/>
      <c r="B105" s="20">
        <f t="shared" ref="B105:B141" si="1">B104+1</f>
        <v>66</v>
      </c>
      <c r="C105" s="32"/>
      <c r="D105" s="38"/>
      <c r="E105" s="38"/>
      <c r="F105" s="38"/>
      <c r="G105" s="38"/>
      <c r="H105" s="38"/>
      <c r="I105" s="38"/>
      <c r="J105" s="38"/>
      <c r="K105" s="38"/>
      <c r="L105" s="45"/>
      <c r="M105" s="62"/>
      <c r="N105" s="62"/>
      <c r="O105" s="62"/>
      <c r="P105" s="62"/>
      <c r="Q105" s="62"/>
      <c r="R105" s="62"/>
      <c r="S105" s="62"/>
      <c r="T105" s="62"/>
      <c r="U105" s="62"/>
      <c r="V105" s="62"/>
      <c r="W105" s="62"/>
      <c r="X105" s="59"/>
      <c r="Y105" s="112"/>
      <c r="Z105" s="116" t="str">
        <f>IFERROR(VLOOKUP(Y105,'[1]【参考】数式用'!$A$3:$B$46,2,FALSE),"")</f>
        <v/>
      </c>
      <c r="AA105" s="118"/>
    </row>
    <row r="106" spans="1:27" ht="38.25" customHeight="1">
      <c r="A106" s="7"/>
      <c r="B106" s="20">
        <f t="shared" si="1"/>
        <v>67</v>
      </c>
      <c r="C106" s="32"/>
      <c r="D106" s="38"/>
      <c r="E106" s="38"/>
      <c r="F106" s="38"/>
      <c r="G106" s="38"/>
      <c r="H106" s="38"/>
      <c r="I106" s="38"/>
      <c r="J106" s="38"/>
      <c r="K106" s="38"/>
      <c r="L106" s="45"/>
      <c r="M106" s="62"/>
      <c r="N106" s="62"/>
      <c r="O106" s="62"/>
      <c r="P106" s="62"/>
      <c r="Q106" s="62"/>
      <c r="R106" s="62"/>
      <c r="S106" s="62"/>
      <c r="T106" s="62"/>
      <c r="U106" s="62"/>
      <c r="V106" s="62"/>
      <c r="W106" s="62"/>
      <c r="X106" s="59"/>
      <c r="Y106" s="112"/>
      <c r="Z106" s="116" t="str">
        <f>IFERROR(VLOOKUP(Y106,'[1]【参考】数式用'!$A$3:$B$46,2,FALSE),"")</f>
        <v/>
      </c>
      <c r="AA106" s="118"/>
    </row>
    <row r="107" spans="1:27" ht="38.25" customHeight="1">
      <c r="A107" s="7"/>
      <c r="B107" s="20">
        <f t="shared" si="1"/>
        <v>68</v>
      </c>
      <c r="C107" s="32"/>
      <c r="D107" s="38"/>
      <c r="E107" s="38"/>
      <c r="F107" s="38"/>
      <c r="G107" s="38"/>
      <c r="H107" s="38"/>
      <c r="I107" s="38"/>
      <c r="J107" s="38"/>
      <c r="K107" s="38"/>
      <c r="L107" s="45"/>
      <c r="M107" s="62"/>
      <c r="N107" s="62"/>
      <c r="O107" s="62"/>
      <c r="P107" s="62"/>
      <c r="Q107" s="62"/>
      <c r="R107" s="62"/>
      <c r="S107" s="62"/>
      <c r="T107" s="62"/>
      <c r="U107" s="62"/>
      <c r="V107" s="62"/>
      <c r="W107" s="62"/>
      <c r="X107" s="59"/>
      <c r="Y107" s="112"/>
      <c r="Z107" s="116" t="str">
        <f>IFERROR(VLOOKUP(Y107,'[1]【参考】数式用'!$A$3:$B$46,2,FALSE),"")</f>
        <v/>
      </c>
      <c r="AA107" s="118"/>
    </row>
    <row r="108" spans="1:27" ht="38.25" customHeight="1">
      <c r="A108" s="7"/>
      <c r="B108" s="20">
        <f t="shared" si="1"/>
        <v>69</v>
      </c>
      <c r="C108" s="32"/>
      <c r="D108" s="38"/>
      <c r="E108" s="38"/>
      <c r="F108" s="38"/>
      <c r="G108" s="38"/>
      <c r="H108" s="38"/>
      <c r="I108" s="38"/>
      <c r="J108" s="38"/>
      <c r="K108" s="38"/>
      <c r="L108" s="45"/>
      <c r="M108" s="62"/>
      <c r="N108" s="62"/>
      <c r="O108" s="62"/>
      <c r="P108" s="62"/>
      <c r="Q108" s="62"/>
      <c r="R108" s="62"/>
      <c r="S108" s="62"/>
      <c r="T108" s="62"/>
      <c r="U108" s="62"/>
      <c r="V108" s="62"/>
      <c r="W108" s="62"/>
      <c r="X108" s="59"/>
      <c r="Y108" s="112"/>
      <c r="Z108" s="116" t="str">
        <f>IFERROR(VLOOKUP(Y108,'[1]【参考】数式用'!$A$3:$B$46,2,FALSE),"")</f>
        <v/>
      </c>
      <c r="AA108" s="118"/>
    </row>
    <row r="109" spans="1:27" ht="38.25" customHeight="1">
      <c r="A109" s="7"/>
      <c r="B109" s="20">
        <f t="shared" si="1"/>
        <v>70</v>
      </c>
      <c r="C109" s="32"/>
      <c r="D109" s="38"/>
      <c r="E109" s="38"/>
      <c r="F109" s="38"/>
      <c r="G109" s="38"/>
      <c r="H109" s="38"/>
      <c r="I109" s="38"/>
      <c r="J109" s="38"/>
      <c r="K109" s="38"/>
      <c r="L109" s="45"/>
      <c r="M109" s="62"/>
      <c r="N109" s="62"/>
      <c r="O109" s="62"/>
      <c r="P109" s="62"/>
      <c r="Q109" s="62"/>
      <c r="R109" s="62"/>
      <c r="S109" s="62"/>
      <c r="T109" s="62"/>
      <c r="U109" s="62"/>
      <c r="V109" s="62"/>
      <c r="W109" s="62"/>
      <c r="X109" s="59"/>
      <c r="Y109" s="112"/>
      <c r="Z109" s="116" t="str">
        <f>IFERROR(VLOOKUP(Y109,'[1]【参考】数式用'!$A$3:$B$46,2,FALSE),"")</f>
        <v/>
      </c>
      <c r="AA109" s="118"/>
    </row>
    <row r="110" spans="1:27" ht="38.25" customHeight="1">
      <c r="A110" s="7"/>
      <c r="B110" s="20">
        <f t="shared" si="1"/>
        <v>71</v>
      </c>
      <c r="C110" s="32"/>
      <c r="D110" s="38"/>
      <c r="E110" s="38"/>
      <c r="F110" s="38"/>
      <c r="G110" s="38"/>
      <c r="H110" s="38"/>
      <c r="I110" s="38"/>
      <c r="J110" s="38"/>
      <c r="K110" s="38"/>
      <c r="L110" s="45"/>
      <c r="M110" s="62"/>
      <c r="N110" s="62"/>
      <c r="O110" s="62"/>
      <c r="P110" s="62"/>
      <c r="Q110" s="62"/>
      <c r="R110" s="62"/>
      <c r="S110" s="62"/>
      <c r="T110" s="62"/>
      <c r="U110" s="62"/>
      <c r="V110" s="62"/>
      <c r="W110" s="62"/>
      <c r="X110" s="59"/>
      <c r="Y110" s="112"/>
      <c r="Z110" s="116" t="str">
        <f>IFERROR(VLOOKUP(Y110,'[1]【参考】数式用'!$A$3:$B$46,2,FALSE),"")</f>
        <v/>
      </c>
      <c r="AA110" s="118"/>
    </row>
    <row r="111" spans="1:27" ht="38.25" customHeight="1">
      <c r="A111" s="7"/>
      <c r="B111" s="20">
        <f t="shared" si="1"/>
        <v>72</v>
      </c>
      <c r="C111" s="32"/>
      <c r="D111" s="38"/>
      <c r="E111" s="38"/>
      <c r="F111" s="38"/>
      <c r="G111" s="38"/>
      <c r="H111" s="38"/>
      <c r="I111" s="38"/>
      <c r="J111" s="38"/>
      <c r="K111" s="38"/>
      <c r="L111" s="45"/>
      <c r="M111" s="62"/>
      <c r="N111" s="62"/>
      <c r="O111" s="62"/>
      <c r="P111" s="62"/>
      <c r="Q111" s="62"/>
      <c r="R111" s="62"/>
      <c r="S111" s="62"/>
      <c r="T111" s="62"/>
      <c r="U111" s="62"/>
      <c r="V111" s="62"/>
      <c r="W111" s="62"/>
      <c r="X111" s="59"/>
      <c r="Y111" s="112"/>
      <c r="Z111" s="116" t="str">
        <f>IFERROR(VLOOKUP(Y111,'[1]【参考】数式用'!$A$3:$B$46,2,FALSE),"")</f>
        <v/>
      </c>
      <c r="AA111" s="118"/>
    </row>
    <row r="112" spans="1:27" ht="38.25" customHeight="1">
      <c r="A112" s="7"/>
      <c r="B112" s="20">
        <f t="shared" si="1"/>
        <v>73</v>
      </c>
      <c r="C112" s="32"/>
      <c r="D112" s="38"/>
      <c r="E112" s="38"/>
      <c r="F112" s="38"/>
      <c r="G112" s="38"/>
      <c r="H112" s="38"/>
      <c r="I112" s="38"/>
      <c r="J112" s="38"/>
      <c r="K112" s="38"/>
      <c r="L112" s="45"/>
      <c r="M112" s="62"/>
      <c r="N112" s="62"/>
      <c r="O112" s="62"/>
      <c r="P112" s="62"/>
      <c r="Q112" s="62"/>
      <c r="R112" s="62"/>
      <c r="S112" s="62"/>
      <c r="T112" s="62"/>
      <c r="U112" s="62"/>
      <c r="V112" s="62"/>
      <c r="W112" s="62"/>
      <c r="X112" s="59"/>
      <c r="Y112" s="112"/>
      <c r="Z112" s="116" t="str">
        <f>IFERROR(VLOOKUP(Y112,'[1]【参考】数式用'!$A$3:$B$46,2,FALSE),"")</f>
        <v/>
      </c>
      <c r="AA112" s="118"/>
    </row>
    <row r="113" spans="1:27" ht="38.25" customHeight="1">
      <c r="A113" s="7"/>
      <c r="B113" s="20">
        <f t="shared" si="1"/>
        <v>74</v>
      </c>
      <c r="C113" s="32"/>
      <c r="D113" s="38"/>
      <c r="E113" s="38"/>
      <c r="F113" s="38"/>
      <c r="G113" s="38"/>
      <c r="H113" s="38"/>
      <c r="I113" s="38"/>
      <c r="J113" s="38"/>
      <c r="K113" s="38"/>
      <c r="L113" s="45"/>
      <c r="M113" s="62"/>
      <c r="N113" s="62"/>
      <c r="O113" s="62"/>
      <c r="P113" s="62"/>
      <c r="Q113" s="62"/>
      <c r="R113" s="62"/>
      <c r="S113" s="62"/>
      <c r="T113" s="62"/>
      <c r="U113" s="62"/>
      <c r="V113" s="62"/>
      <c r="W113" s="62"/>
      <c r="X113" s="59"/>
      <c r="Y113" s="112"/>
      <c r="Z113" s="116" t="str">
        <f>IFERROR(VLOOKUP(Y113,'[1]【参考】数式用'!$A$3:$B$46,2,FALSE),"")</f>
        <v/>
      </c>
      <c r="AA113" s="118"/>
    </row>
    <row r="114" spans="1:27" ht="38.25" customHeight="1">
      <c r="A114" s="7"/>
      <c r="B114" s="20">
        <f t="shared" si="1"/>
        <v>75</v>
      </c>
      <c r="C114" s="32"/>
      <c r="D114" s="38"/>
      <c r="E114" s="38"/>
      <c r="F114" s="38"/>
      <c r="G114" s="38"/>
      <c r="H114" s="38"/>
      <c r="I114" s="38"/>
      <c r="J114" s="38"/>
      <c r="K114" s="38"/>
      <c r="L114" s="45"/>
      <c r="M114" s="62"/>
      <c r="N114" s="62"/>
      <c r="O114" s="62"/>
      <c r="P114" s="62"/>
      <c r="Q114" s="62"/>
      <c r="R114" s="62"/>
      <c r="S114" s="62"/>
      <c r="T114" s="62"/>
      <c r="U114" s="62"/>
      <c r="V114" s="62"/>
      <c r="W114" s="62"/>
      <c r="X114" s="59"/>
      <c r="Y114" s="112"/>
      <c r="Z114" s="116" t="str">
        <f>IFERROR(VLOOKUP(Y114,'[1]【参考】数式用'!$A$3:$B$46,2,FALSE),"")</f>
        <v/>
      </c>
      <c r="AA114" s="118"/>
    </row>
    <row r="115" spans="1:27" ht="38.25" customHeight="1">
      <c r="A115" s="7"/>
      <c r="B115" s="20">
        <f t="shared" si="1"/>
        <v>76</v>
      </c>
      <c r="C115" s="32"/>
      <c r="D115" s="38"/>
      <c r="E115" s="38"/>
      <c r="F115" s="38"/>
      <c r="G115" s="38"/>
      <c r="H115" s="38"/>
      <c r="I115" s="38"/>
      <c r="J115" s="38"/>
      <c r="K115" s="38"/>
      <c r="L115" s="45"/>
      <c r="M115" s="62"/>
      <c r="N115" s="62"/>
      <c r="O115" s="62"/>
      <c r="P115" s="62"/>
      <c r="Q115" s="62"/>
      <c r="R115" s="62"/>
      <c r="S115" s="62"/>
      <c r="T115" s="62"/>
      <c r="U115" s="62"/>
      <c r="V115" s="62"/>
      <c r="W115" s="62"/>
      <c r="X115" s="59"/>
      <c r="Y115" s="112"/>
      <c r="Z115" s="116" t="str">
        <f>IFERROR(VLOOKUP(Y115,'[1]【参考】数式用'!$A$3:$B$46,2,FALSE),"")</f>
        <v/>
      </c>
      <c r="AA115" s="118"/>
    </row>
    <row r="116" spans="1:27" ht="38.25" customHeight="1">
      <c r="A116" s="7"/>
      <c r="B116" s="20">
        <f t="shared" si="1"/>
        <v>77</v>
      </c>
      <c r="C116" s="32"/>
      <c r="D116" s="38"/>
      <c r="E116" s="38"/>
      <c r="F116" s="38"/>
      <c r="G116" s="38"/>
      <c r="H116" s="38"/>
      <c r="I116" s="38"/>
      <c r="J116" s="38"/>
      <c r="K116" s="38"/>
      <c r="L116" s="45"/>
      <c r="M116" s="62"/>
      <c r="N116" s="62"/>
      <c r="O116" s="62"/>
      <c r="P116" s="62"/>
      <c r="Q116" s="62"/>
      <c r="R116" s="62"/>
      <c r="S116" s="62"/>
      <c r="T116" s="62"/>
      <c r="U116" s="62"/>
      <c r="V116" s="62"/>
      <c r="W116" s="62"/>
      <c r="X116" s="59"/>
      <c r="Y116" s="112"/>
      <c r="Z116" s="116" t="str">
        <f>IFERROR(VLOOKUP(Y116,'[1]【参考】数式用'!$A$3:$B$46,2,FALSE),"")</f>
        <v/>
      </c>
      <c r="AA116" s="118"/>
    </row>
    <row r="117" spans="1:27" ht="38.25" customHeight="1">
      <c r="A117" s="7"/>
      <c r="B117" s="20">
        <f t="shared" si="1"/>
        <v>78</v>
      </c>
      <c r="C117" s="32"/>
      <c r="D117" s="38"/>
      <c r="E117" s="38"/>
      <c r="F117" s="38"/>
      <c r="G117" s="38"/>
      <c r="H117" s="38"/>
      <c r="I117" s="38"/>
      <c r="J117" s="38"/>
      <c r="K117" s="38"/>
      <c r="L117" s="45"/>
      <c r="M117" s="62"/>
      <c r="N117" s="62"/>
      <c r="O117" s="62"/>
      <c r="P117" s="62"/>
      <c r="Q117" s="62"/>
      <c r="R117" s="62"/>
      <c r="S117" s="62"/>
      <c r="T117" s="62"/>
      <c r="U117" s="62"/>
      <c r="V117" s="62"/>
      <c r="W117" s="62"/>
      <c r="X117" s="59"/>
      <c r="Y117" s="112"/>
      <c r="Z117" s="116" t="str">
        <f>IFERROR(VLOOKUP(Y117,'[1]【参考】数式用'!$A$3:$B$46,2,FALSE),"")</f>
        <v/>
      </c>
      <c r="AA117" s="118"/>
    </row>
    <row r="118" spans="1:27" ht="38.25" customHeight="1">
      <c r="A118" s="7"/>
      <c r="B118" s="20">
        <f t="shared" si="1"/>
        <v>79</v>
      </c>
      <c r="C118" s="32"/>
      <c r="D118" s="38"/>
      <c r="E118" s="38"/>
      <c r="F118" s="38"/>
      <c r="G118" s="38"/>
      <c r="H118" s="38"/>
      <c r="I118" s="38"/>
      <c r="J118" s="38"/>
      <c r="K118" s="38"/>
      <c r="L118" s="45"/>
      <c r="M118" s="62"/>
      <c r="N118" s="62"/>
      <c r="O118" s="62"/>
      <c r="P118" s="62"/>
      <c r="Q118" s="62"/>
      <c r="R118" s="62"/>
      <c r="S118" s="62"/>
      <c r="T118" s="62"/>
      <c r="U118" s="62"/>
      <c r="V118" s="62"/>
      <c r="W118" s="62"/>
      <c r="X118" s="59"/>
      <c r="Y118" s="112"/>
      <c r="Z118" s="116" t="str">
        <f>IFERROR(VLOOKUP(Y118,'[1]【参考】数式用'!$A$3:$B$46,2,FALSE),"")</f>
        <v/>
      </c>
      <c r="AA118" s="118"/>
    </row>
    <row r="119" spans="1:27" ht="38.25" customHeight="1">
      <c r="A119" s="7"/>
      <c r="B119" s="20">
        <f t="shared" si="1"/>
        <v>80</v>
      </c>
      <c r="C119" s="32"/>
      <c r="D119" s="38"/>
      <c r="E119" s="38"/>
      <c r="F119" s="38"/>
      <c r="G119" s="38"/>
      <c r="H119" s="38"/>
      <c r="I119" s="38"/>
      <c r="J119" s="38"/>
      <c r="K119" s="38"/>
      <c r="L119" s="45"/>
      <c r="M119" s="62"/>
      <c r="N119" s="62"/>
      <c r="O119" s="62"/>
      <c r="P119" s="62"/>
      <c r="Q119" s="62"/>
      <c r="R119" s="62"/>
      <c r="S119" s="62"/>
      <c r="T119" s="62"/>
      <c r="U119" s="62"/>
      <c r="V119" s="62"/>
      <c r="W119" s="62"/>
      <c r="X119" s="59"/>
      <c r="Y119" s="112"/>
      <c r="Z119" s="116" t="str">
        <f>IFERROR(VLOOKUP(Y119,'[1]【参考】数式用'!$A$3:$B$46,2,FALSE),"")</f>
        <v/>
      </c>
      <c r="AA119" s="118"/>
    </row>
    <row r="120" spans="1:27" ht="38.25" customHeight="1">
      <c r="A120" s="7"/>
      <c r="B120" s="20">
        <f t="shared" si="1"/>
        <v>81</v>
      </c>
      <c r="C120" s="32"/>
      <c r="D120" s="38"/>
      <c r="E120" s="38"/>
      <c r="F120" s="38"/>
      <c r="G120" s="38"/>
      <c r="H120" s="38"/>
      <c r="I120" s="38"/>
      <c r="J120" s="38"/>
      <c r="K120" s="38"/>
      <c r="L120" s="45"/>
      <c r="M120" s="62"/>
      <c r="N120" s="62"/>
      <c r="O120" s="62"/>
      <c r="P120" s="62"/>
      <c r="Q120" s="62"/>
      <c r="R120" s="62"/>
      <c r="S120" s="62"/>
      <c r="T120" s="62"/>
      <c r="U120" s="62"/>
      <c r="V120" s="62"/>
      <c r="W120" s="62"/>
      <c r="X120" s="59"/>
      <c r="Y120" s="112"/>
      <c r="Z120" s="116" t="str">
        <f>IFERROR(VLOOKUP(Y120,'[1]【参考】数式用'!$A$3:$B$46,2,FALSE),"")</f>
        <v/>
      </c>
      <c r="AA120" s="118"/>
    </row>
    <row r="121" spans="1:27" ht="38.25" customHeight="1">
      <c r="A121" s="7"/>
      <c r="B121" s="20">
        <f t="shared" si="1"/>
        <v>82</v>
      </c>
      <c r="C121" s="32"/>
      <c r="D121" s="38"/>
      <c r="E121" s="38"/>
      <c r="F121" s="38"/>
      <c r="G121" s="38"/>
      <c r="H121" s="38"/>
      <c r="I121" s="38"/>
      <c r="J121" s="38"/>
      <c r="K121" s="38"/>
      <c r="L121" s="45"/>
      <c r="M121" s="62"/>
      <c r="N121" s="62"/>
      <c r="O121" s="62"/>
      <c r="P121" s="62"/>
      <c r="Q121" s="62"/>
      <c r="R121" s="62"/>
      <c r="S121" s="62"/>
      <c r="T121" s="62"/>
      <c r="U121" s="62"/>
      <c r="V121" s="62"/>
      <c r="W121" s="62"/>
      <c r="X121" s="59"/>
      <c r="Y121" s="112"/>
      <c r="Z121" s="116" t="str">
        <f>IFERROR(VLOOKUP(Y121,'[1]【参考】数式用'!$A$3:$B$46,2,FALSE),"")</f>
        <v/>
      </c>
      <c r="AA121" s="118"/>
    </row>
    <row r="122" spans="1:27" ht="38.25" customHeight="1">
      <c r="A122" s="7"/>
      <c r="B122" s="20">
        <f t="shared" si="1"/>
        <v>83</v>
      </c>
      <c r="C122" s="32"/>
      <c r="D122" s="38"/>
      <c r="E122" s="38"/>
      <c r="F122" s="38"/>
      <c r="G122" s="38"/>
      <c r="H122" s="38"/>
      <c r="I122" s="38"/>
      <c r="J122" s="38"/>
      <c r="K122" s="38"/>
      <c r="L122" s="45"/>
      <c r="M122" s="62"/>
      <c r="N122" s="62"/>
      <c r="O122" s="62"/>
      <c r="P122" s="62"/>
      <c r="Q122" s="62"/>
      <c r="R122" s="62"/>
      <c r="S122" s="62"/>
      <c r="T122" s="62"/>
      <c r="U122" s="62"/>
      <c r="V122" s="62"/>
      <c r="W122" s="62"/>
      <c r="X122" s="59"/>
      <c r="Y122" s="112"/>
      <c r="Z122" s="116" t="str">
        <f>IFERROR(VLOOKUP(Y122,'[1]【参考】数式用'!$A$3:$B$46,2,FALSE),"")</f>
        <v/>
      </c>
      <c r="AA122" s="118"/>
    </row>
    <row r="123" spans="1:27" ht="38.25" customHeight="1">
      <c r="A123" s="7"/>
      <c r="B123" s="20">
        <f t="shared" si="1"/>
        <v>84</v>
      </c>
      <c r="C123" s="32"/>
      <c r="D123" s="38"/>
      <c r="E123" s="38"/>
      <c r="F123" s="38"/>
      <c r="G123" s="38"/>
      <c r="H123" s="38"/>
      <c r="I123" s="38"/>
      <c r="J123" s="38"/>
      <c r="K123" s="38"/>
      <c r="L123" s="45"/>
      <c r="M123" s="62"/>
      <c r="N123" s="62"/>
      <c r="O123" s="62"/>
      <c r="P123" s="62"/>
      <c r="Q123" s="62"/>
      <c r="R123" s="62"/>
      <c r="S123" s="62"/>
      <c r="T123" s="62"/>
      <c r="U123" s="62"/>
      <c r="V123" s="62"/>
      <c r="W123" s="62"/>
      <c r="X123" s="59"/>
      <c r="Y123" s="112"/>
      <c r="Z123" s="116" t="str">
        <f>IFERROR(VLOOKUP(Y123,'[1]【参考】数式用'!$A$3:$B$46,2,FALSE),"")</f>
        <v/>
      </c>
      <c r="AA123" s="118"/>
    </row>
    <row r="124" spans="1:27" ht="38.25" customHeight="1">
      <c r="A124" s="7"/>
      <c r="B124" s="20">
        <f t="shared" si="1"/>
        <v>85</v>
      </c>
      <c r="C124" s="32"/>
      <c r="D124" s="38"/>
      <c r="E124" s="38"/>
      <c r="F124" s="38"/>
      <c r="G124" s="38"/>
      <c r="H124" s="38"/>
      <c r="I124" s="38"/>
      <c r="J124" s="38"/>
      <c r="K124" s="38"/>
      <c r="L124" s="45"/>
      <c r="M124" s="62"/>
      <c r="N124" s="62"/>
      <c r="O124" s="62"/>
      <c r="P124" s="62"/>
      <c r="Q124" s="62"/>
      <c r="R124" s="62"/>
      <c r="S124" s="62"/>
      <c r="T124" s="62"/>
      <c r="U124" s="62"/>
      <c r="V124" s="62"/>
      <c r="W124" s="62"/>
      <c r="X124" s="59"/>
      <c r="Y124" s="112"/>
      <c r="Z124" s="116" t="str">
        <f>IFERROR(VLOOKUP(Y124,'[1]【参考】数式用'!$A$3:$B$46,2,FALSE),"")</f>
        <v/>
      </c>
      <c r="AA124" s="118"/>
    </row>
    <row r="125" spans="1:27" ht="38.25" customHeight="1">
      <c r="A125" s="7"/>
      <c r="B125" s="20">
        <f t="shared" si="1"/>
        <v>86</v>
      </c>
      <c r="C125" s="32"/>
      <c r="D125" s="38"/>
      <c r="E125" s="38"/>
      <c r="F125" s="38"/>
      <c r="G125" s="38"/>
      <c r="H125" s="38"/>
      <c r="I125" s="38"/>
      <c r="J125" s="38"/>
      <c r="K125" s="38"/>
      <c r="L125" s="45"/>
      <c r="M125" s="62"/>
      <c r="N125" s="62"/>
      <c r="O125" s="62"/>
      <c r="P125" s="62"/>
      <c r="Q125" s="62"/>
      <c r="R125" s="62"/>
      <c r="S125" s="62"/>
      <c r="T125" s="62"/>
      <c r="U125" s="62"/>
      <c r="V125" s="62"/>
      <c r="W125" s="62"/>
      <c r="X125" s="59"/>
      <c r="Y125" s="112"/>
      <c r="Z125" s="116" t="str">
        <f>IFERROR(VLOOKUP(Y125,'[1]【参考】数式用'!$A$3:$B$46,2,FALSE),"")</f>
        <v/>
      </c>
      <c r="AA125" s="118"/>
    </row>
    <row r="126" spans="1:27" ht="38.25" customHeight="1">
      <c r="A126" s="7"/>
      <c r="B126" s="20">
        <f t="shared" si="1"/>
        <v>87</v>
      </c>
      <c r="C126" s="32"/>
      <c r="D126" s="38"/>
      <c r="E126" s="38"/>
      <c r="F126" s="38"/>
      <c r="G126" s="38"/>
      <c r="H126" s="38"/>
      <c r="I126" s="38"/>
      <c r="J126" s="38"/>
      <c r="K126" s="38"/>
      <c r="L126" s="45"/>
      <c r="M126" s="62"/>
      <c r="N126" s="62"/>
      <c r="O126" s="62"/>
      <c r="P126" s="62"/>
      <c r="Q126" s="62"/>
      <c r="R126" s="62"/>
      <c r="S126" s="62"/>
      <c r="T126" s="62"/>
      <c r="U126" s="62"/>
      <c r="V126" s="62"/>
      <c r="W126" s="62"/>
      <c r="X126" s="59"/>
      <c r="Y126" s="112"/>
      <c r="Z126" s="116" t="str">
        <f>IFERROR(VLOOKUP(Y126,'[1]【参考】数式用'!$A$3:$B$46,2,FALSE),"")</f>
        <v/>
      </c>
      <c r="AA126" s="118"/>
    </row>
    <row r="127" spans="1:27" ht="38.25" customHeight="1">
      <c r="A127" s="7"/>
      <c r="B127" s="20">
        <f t="shared" si="1"/>
        <v>88</v>
      </c>
      <c r="C127" s="32"/>
      <c r="D127" s="38"/>
      <c r="E127" s="38"/>
      <c r="F127" s="38"/>
      <c r="G127" s="38"/>
      <c r="H127" s="38"/>
      <c r="I127" s="38"/>
      <c r="J127" s="38"/>
      <c r="K127" s="38"/>
      <c r="L127" s="45"/>
      <c r="M127" s="62"/>
      <c r="N127" s="62"/>
      <c r="O127" s="62"/>
      <c r="P127" s="62"/>
      <c r="Q127" s="62"/>
      <c r="R127" s="62"/>
      <c r="S127" s="62"/>
      <c r="T127" s="62"/>
      <c r="U127" s="62"/>
      <c r="V127" s="62"/>
      <c r="W127" s="62"/>
      <c r="X127" s="59"/>
      <c r="Y127" s="112"/>
      <c r="Z127" s="116" t="str">
        <f>IFERROR(VLOOKUP(Y127,'[1]【参考】数式用'!$A$3:$B$46,2,FALSE),"")</f>
        <v/>
      </c>
      <c r="AA127" s="118"/>
    </row>
    <row r="128" spans="1:27" ht="38.25" customHeight="1">
      <c r="A128" s="7"/>
      <c r="B128" s="20">
        <f t="shared" si="1"/>
        <v>89</v>
      </c>
      <c r="C128" s="32"/>
      <c r="D128" s="38"/>
      <c r="E128" s="38"/>
      <c r="F128" s="38"/>
      <c r="G128" s="38"/>
      <c r="H128" s="38"/>
      <c r="I128" s="38"/>
      <c r="J128" s="38"/>
      <c r="K128" s="38"/>
      <c r="L128" s="45"/>
      <c r="M128" s="62"/>
      <c r="N128" s="62"/>
      <c r="O128" s="62"/>
      <c r="P128" s="62"/>
      <c r="Q128" s="62"/>
      <c r="R128" s="62"/>
      <c r="S128" s="62"/>
      <c r="T128" s="62"/>
      <c r="U128" s="62"/>
      <c r="V128" s="62"/>
      <c r="W128" s="62"/>
      <c r="X128" s="59"/>
      <c r="Y128" s="112"/>
      <c r="Z128" s="116" t="str">
        <f>IFERROR(VLOOKUP(Y128,'[1]【参考】数式用'!$A$3:$B$46,2,FALSE),"")</f>
        <v/>
      </c>
      <c r="AA128" s="118"/>
    </row>
    <row r="129" spans="1:27" ht="38.25" customHeight="1">
      <c r="A129" s="7"/>
      <c r="B129" s="20">
        <f t="shared" si="1"/>
        <v>90</v>
      </c>
      <c r="C129" s="32"/>
      <c r="D129" s="38"/>
      <c r="E129" s="38"/>
      <c r="F129" s="38"/>
      <c r="G129" s="38"/>
      <c r="H129" s="38"/>
      <c r="I129" s="38"/>
      <c r="J129" s="38"/>
      <c r="K129" s="38"/>
      <c r="L129" s="45"/>
      <c r="M129" s="62"/>
      <c r="N129" s="62"/>
      <c r="O129" s="62"/>
      <c r="P129" s="62"/>
      <c r="Q129" s="62"/>
      <c r="R129" s="62"/>
      <c r="S129" s="62"/>
      <c r="T129" s="62"/>
      <c r="U129" s="62"/>
      <c r="V129" s="62"/>
      <c r="W129" s="62"/>
      <c r="X129" s="59"/>
      <c r="Y129" s="112"/>
      <c r="Z129" s="116" t="str">
        <f>IFERROR(VLOOKUP(Y129,'[1]【参考】数式用'!$A$3:$B$46,2,FALSE),"")</f>
        <v/>
      </c>
      <c r="AA129" s="118"/>
    </row>
    <row r="130" spans="1:27" ht="38.25" customHeight="1">
      <c r="A130" s="7"/>
      <c r="B130" s="20">
        <f t="shared" si="1"/>
        <v>91</v>
      </c>
      <c r="C130" s="32"/>
      <c r="D130" s="38"/>
      <c r="E130" s="38"/>
      <c r="F130" s="38"/>
      <c r="G130" s="38"/>
      <c r="H130" s="38"/>
      <c r="I130" s="38"/>
      <c r="J130" s="38"/>
      <c r="K130" s="38"/>
      <c r="L130" s="45"/>
      <c r="M130" s="62"/>
      <c r="N130" s="62"/>
      <c r="O130" s="62"/>
      <c r="P130" s="62"/>
      <c r="Q130" s="62"/>
      <c r="R130" s="62"/>
      <c r="S130" s="62"/>
      <c r="T130" s="62"/>
      <c r="U130" s="62"/>
      <c r="V130" s="62"/>
      <c r="W130" s="62"/>
      <c r="X130" s="59"/>
      <c r="Y130" s="112"/>
      <c r="Z130" s="116" t="str">
        <f>IFERROR(VLOOKUP(Y130,'[1]【参考】数式用'!$A$3:$B$46,2,FALSE),"")</f>
        <v/>
      </c>
      <c r="AA130" s="118"/>
    </row>
    <row r="131" spans="1:27" ht="38.25" customHeight="1">
      <c r="A131" s="7"/>
      <c r="B131" s="20">
        <f t="shared" si="1"/>
        <v>92</v>
      </c>
      <c r="C131" s="32"/>
      <c r="D131" s="38"/>
      <c r="E131" s="38"/>
      <c r="F131" s="38"/>
      <c r="G131" s="38"/>
      <c r="H131" s="38"/>
      <c r="I131" s="38"/>
      <c r="J131" s="38"/>
      <c r="K131" s="38"/>
      <c r="L131" s="45"/>
      <c r="M131" s="62"/>
      <c r="N131" s="62"/>
      <c r="O131" s="62"/>
      <c r="P131" s="62"/>
      <c r="Q131" s="62"/>
      <c r="R131" s="62"/>
      <c r="S131" s="62"/>
      <c r="T131" s="62"/>
      <c r="U131" s="62"/>
      <c r="V131" s="62"/>
      <c r="W131" s="62"/>
      <c r="X131" s="59"/>
      <c r="Y131" s="112"/>
      <c r="Z131" s="116" t="str">
        <f>IFERROR(VLOOKUP(Y131,'[1]【参考】数式用'!$A$3:$B$46,2,FALSE),"")</f>
        <v/>
      </c>
      <c r="AA131" s="118"/>
    </row>
    <row r="132" spans="1:27" ht="38.25" customHeight="1">
      <c r="A132" s="7"/>
      <c r="B132" s="20">
        <f t="shared" si="1"/>
        <v>93</v>
      </c>
      <c r="C132" s="32"/>
      <c r="D132" s="38"/>
      <c r="E132" s="38"/>
      <c r="F132" s="38"/>
      <c r="G132" s="38"/>
      <c r="H132" s="38"/>
      <c r="I132" s="38"/>
      <c r="J132" s="38"/>
      <c r="K132" s="38"/>
      <c r="L132" s="45"/>
      <c r="M132" s="62"/>
      <c r="N132" s="62"/>
      <c r="O132" s="62"/>
      <c r="P132" s="62"/>
      <c r="Q132" s="62"/>
      <c r="R132" s="62"/>
      <c r="S132" s="62"/>
      <c r="T132" s="62"/>
      <c r="U132" s="62"/>
      <c r="V132" s="62"/>
      <c r="W132" s="62"/>
      <c r="X132" s="59"/>
      <c r="Y132" s="112"/>
      <c r="Z132" s="116" t="str">
        <f>IFERROR(VLOOKUP(Y132,'[1]【参考】数式用'!$A$3:$B$46,2,FALSE),"")</f>
        <v/>
      </c>
      <c r="AA132" s="118"/>
    </row>
    <row r="133" spans="1:27" ht="38.25" customHeight="1">
      <c r="A133" s="7"/>
      <c r="B133" s="20">
        <f t="shared" si="1"/>
        <v>94</v>
      </c>
      <c r="C133" s="32"/>
      <c r="D133" s="38"/>
      <c r="E133" s="38"/>
      <c r="F133" s="38"/>
      <c r="G133" s="38"/>
      <c r="H133" s="38"/>
      <c r="I133" s="38"/>
      <c r="J133" s="38"/>
      <c r="K133" s="38"/>
      <c r="L133" s="45"/>
      <c r="M133" s="62"/>
      <c r="N133" s="62"/>
      <c r="O133" s="62"/>
      <c r="P133" s="62"/>
      <c r="Q133" s="62"/>
      <c r="R133" s="62"/>
      <c r="S133" s="62"/>
      <c r="T133" s="62"/>
      <c r="U133" s="62"/>
      <c r="V133" s="62"/>
      <c r="W133" s="62"/>
      <c r="X133" s="59"/>
      <c r="Y133" s="112"/>
      <c r="Z133" s="116" t="str">
        <f>IFERROR(VLOOKUP(Y133,'[1]【参考】数式用'!$A$3:$B$46,2,FALSE),"")</f>
        <v/>
      </c>
      <c r="AA133" s="118"/>
    </row>
    <row r="134" spans="1:27" ht="38.25" customHeight="1">
      <c r="A134" s="7"/>
      <c r="B134" s="20">
        <f t="shared" si="1"/>
        <v>95</v>
      </c>
      <c r="C134" s="32"/>
      <c r="D134" s="38"/>
      <c r="E134" s="38"/>
      <c r="F134" s="38"/>
      <c r="G134" s="38"/>
      <c r="H134" s="38"/>
      <c r="I134" s="38"/>
      <c r="J134" s="38"/>
      <c r="K134" s="38"/>
      <c r="L134" s="45"/>
      <c r="M134" s="62"/>
      <c r="N134" s="62"/>
      <c r="O134" s="62"/>
      <c r="P134" s="62"/>
      <c r="Q134" s="62"/>
      <c r="R134" s="62"/>
      <c r="S134" s="62"/>
      <c r="T134" s="62"/>
      <c r="U134" s="62"/>
      <c r="V134" s="62"/>
      <c r="W134" s="62"/>
      <c r="X134" s="59"/>
      <c r="Y134" s="112"/>
      <c r="Z134" s="116" t="str">
        <f>IFERROR(VLOOKUP(Y134,'[1]【参考】数式用'!$A$3:$B$46,2,FALSE),"")</f>
        <v/>
      </c>
      <c r="AA134" s="118"/>
    </row>
    <row r="135" spans="1:27" ht="38.25" customHeight="1">
      <c r="A135" s="7"/>
      <c r="B135" s="20">
        <f t="shared" si="1"/>
        <v>96</v>
      </c>
      <c r="C135" s="32"/>
      <c r="D135" s="38"/>
      <c r="E135" s="38"/>
      <c r="F135" s="38"/>
      <c r="G135" s="38"/>
      <c r="H135" s="38"/>
      <c r="I135" s="38"/>
      <c r="J135" s="38"/>
      <c r="K135" s="38"/>
      <c r="L135" s="45"/>
      <c r="M135" s="62"/>
      <c r="N135" s="62"/>
      <c r="O135" s="62"/>
      <c r="P135" s="62"/>
      <c r="Q135" s="62"/>
      <c r="R135" s="62"/>
      <c r="S135" s="62"/>
      <c r="T135" s="62"/>
      <c r="U135" s="62"/>
      <c r="V135" s="62"/>
      <c r="W135" s="62"/>
      <c r="X135" s="59"/>
      <c r="Y135" s="112"/>
      <c r="Z135" s="116" t="str">
        <f>IFERROR(VLOOKUP(Y135,'[1]【参考】数式用'!$A$3:$B$46,2,FALSE),"")</f>
        <v/>
      </c>
      <c r="AA135" s="118"/>
    </row>
    <row r="136" spans="1:27" ht="38.25" customHeight="1">
      <c r="A136" s="7"/>
      <c r="B136" s="20">
        <f t="shared" si="1"/>
        <v>97</v>
      </c>
      <c r="C136" s="32"/>
      <c r="D136" s="38"/>
      <c r="E136" s="38"/>
      <c r="F136" s="38"/>
      <c r="G136" s="38"/>
      <c r="H136" s="38"/>
      <c r="I136" s="38"/>
      <c r="J136" s="38"/>
      <c r="K136" s="38"/>
      <c r="L136" s="45"/>
      <c r="M136" s="62"/>
      <c r="N136" s="62"/>
      <c r="O136" s="62"/>
      <c r="P136" s="62"/>
      <c r="Q136" s="62"/>
      <c r="R136" s="62"/>
      <c r="S136" s="62"/>
      <c r="T136" s="62"/>
      <c r="U136" s="62"/>
      <c r="V136" s="62"/>
      <c r="W136" s="62"/>
      <c r="X136" s="59"/>
      <c r="Y136" s="112"/>
      <c r="Z136" s="116" t="str">
        <f>IFERROR(VLOOKUP(Y136,'[1]【参考】数式用'!$A$3:$B$46,2,FALSE),"")</f>
        <v/>
      </c>
      <c r="AA136" s="118"/>
    </row>
    <row r="137" spans="1:27" ht="38.25" customHeight="1">
      <c r="A137" s="7"/>
      <c r="B137" s="20">
        <f t="shared" si="1"/>
        <v>98</v>
      </c>
      <c r="C137" s="32"/>
      <c r="D137" s="38"/>
      <c r="E137" s="38"/>
      <c r="F137" s="38"/>
      <c r="G137" s="38"/>
      <c r="H137" s="38"/>
      <c r="I137" s="38"/>
      <c r="J137" s="38"/>
      <c r="K137" s="38"/>
      <c r="L137" s="45"/>
      <c r="M137" s="62"/>
      <c r="N137" s="62"/>
      <c r="O137" s="62"/>
      <c r="P137" s="62"/>
      <c r="Q137" s="62"/>
      <c r="R137" s="62"/>
      <c r="S137" s="62"/>
      <c r="T137" s="62"/>
      <c r="U137" s="62"/>
      <c r="V137" s="62"/>
      <c r="W137" s="62"/>
      <c r="X137" s="59"/>
      <c r="Y137" s="112"/>
      <c r="Z137" s="116" t="str">
        <f>IFERROR(VLOOKUP(Y137,'[1]【参考】数式用'!$A$3:$B$46,2,FALSE),"")</f>
        <v/>
      </c>
      <c r="AA137" s="118"/>
    </row>
    <row r="138" spans="1:27" ht="38.25" customHeight="1">
      <c r="A138" s="7"/>
      <c r="B138" s="20">
        <f t="shared" si="1"/>
        <v>99</v>
      </c>
      <c r="C138" s="32"/>
      <c r="D138" s="38"/>
      <c r="E138" s="38"/>
      <c r="F138" s="38"/>
      <c r="G138" s="38"/>
      <c r="H138" s="38"/>
      <c r="I138" s="38"/>
      <c r="J138" s="38"/>
      <c r="K138" s="38"/>
      <c r="L138" s="45"/>
      <c r="M138" s="62"/>
      <c r="N138" s="62"/>
      <c r="O138" s="62"/>
      <c r="P138" s="62"/>
      <c r="Q138" s="62"/>
      <c r="R138" s="62"/>
      <c r="S138" s="62"/>
      <c r="T138" s="62"/>
      <c r="U138" s="62"/>
      <c r="V138" s="62"/>
      <c r="W138" s="62"/>
      <c r="X138" s="59"/>
      <c r="Y138" s="112"/>
      <c r="Z138" s="116" t="str">
        <f>IFERROR(VLOOKUP(Y138,'[1]【参考】数式用'!$A$3:$B$46,2,FALSE),"")</f>
        <v/>
      </c>
      <c r="AA138" s="118"/>
    </row>
    <row r="139" spans="1:27" ht="38.25" customHeight="1">
      <c r="A139" s="7"/>
      <c r="B139" s="20">
        <f t="shared" si="1"/>
        <v>100</v>
      </c>
      <c r="C139" s="32"/>
      <c r="D139" s="38"/>
      <c r="E139" s="38"/>
      <c r="F139" s="38"/>
      <c r="G139" s="38"/>
      <c r="H139" s="38"/>
      <c r="I139" s="38"/>
      <c r="J139" s="38"/>
      <c r="K139" s="38"/>
      <c r="L139" s="45"/>
      <c r="M139" s="62"/>
      <c r="N139" s="62"/>
      <c r="O139" s="62"/>
      <c r="P139" s="62"/>
      <c r="Q139" s="62"/>
      <c r="R139" s="62"/>
      <c r="S139" s="62"/>
      <c r="T139" s="62"/>
      <c r="U139" s="62"/>
      <c r="V139" s="62"/>
      <c r="W139" s="62"/>
      <c r="X139" s="59"/>
      <c r="Y139" s="112"/>
      <c r="Z139" s="116" t="str">
        <f>IFERROR(VLOOKUP(Y139,'[1]【参考】数式用'!$A$3:$B$46,2,FALSE),"")</f>
        <v/>
      </c>
      <c r="AA139" s="118"/>
    </row>
    <row r="140" spans="1:27" ht="38.25" customHeight="1">
      <c r="A140" s="7"/>
      <c r="B140" s="20">
        <f t="shared" si="1"/>
        <v>101</v>
      </c>
      <c r="C140" s="32"/>
      <c r="D140" s="38"/>
      <c r="E140" s="38"/>
      <c r="F140" s="38"/>
      <c r="G140" s="38"/>
      <c r="H140" s="38"/>
      <c r="I140" s="38"/>
      <c r="J140" s="38"/>
      <c r="K140" s="38"/>
      <c r="L140" s="45"/>
      <c r="M140" s="62"/>
      <c r="N140" s="62"/>
      <c r="O140" s="62"/>
      <c r="P140" s="62"/>
      <c r="Q140" s="62"/>
      <c r="R140" s="62"/>
      <c r="S140" s="62"/>
      <c r="T140" s="62"/>
      <c r="U140" s="62"/>
      <c r="V140" s="62"/>
      <c r="W140" s="62"/>
      <c r="X140" s="59"/>
      <c r="Y140" s="112"/>
      <c r="Z140" s="116" t="str">
        <f>IFERROR(VLOOKUP(Y140,'【参考】数式用'!$A$3:$B$46,2,FALSE),"")</f>
        <v/>
      </c>
      <c r="AA140" s="118"/>
    </row>
    <row r="141" spans="1:27" ht="38.25" customHeight="1">
      <c r="A141" s="7"/>
      <c r="B141" s="20">
        <f t="shared" si="1"/>
        <v>102</v>
      </c>
      <c r="C141" s="33"/>
      <c r="D141" s="39"/>
      <c r="E141" s="39"/>
      <c r="F141" s="39"/>
      <c r="G141" s="39"/>
      <c r="H141" s="39"/>
      <c r="I141" s="39"/>
      <c r="J141" s="39"/>
      <c r="K141" s="39"/>
      <c r="L141" s="46"/>
      <c r="M141" s="63"/>
      <c r="N141" s="63"/>
      <c r="O141" s="63"/>
      <c r="P141" s="63"/>
      <c r="Q141" s="63"/>
      <c r="R141" s="63"/>
      <c r="S141" s="63"/>
      <c r="T141" s="63"/>
      <c r="U141" s="63"/>
      <c r="V141" s="63"/>
      <c r="W141" s="63"/>
      <c r="X141" s="108"/>
      <c r="Y141" s="113"/>
      <c r="Z141" s="116" t="str">
        <f>IFERROR(VLOOKUP(Y141,'【参考】数式用'!$A$3:$B$46,2,FALSE),"")</f>
        <v/>
      </c>
      <c r="AA141" s="118"/>
    </row>
    <row r="142" spans="1:27" ht="18" customHeight="1">
      <c r="B142" s="21"/>
      <c r="C142" s="34"/>
      <c r="D142" s="34"/>
      <c r="E142" s="34"/>
      <c r="F142" s="34"/>
      <c r="G142" s="34"/>
      <c r="H142" s="34"/>
      <c r="I142" s="34"/>
      <c r="J142" s="34"/>
      <c r="K142" s="34"/>
      <c r="L142" s="34"/>
      <c r="M142" s="34"/>
      <c r="N142" s="34"/>
      <c r="O142" s="34"/>
      <c r="P142" s="34"/>
      <c r="Q142" s="34"/>
      <c r="R142" s="34"/>
      <c r="S142" s="34"/>
      <c r="T142" s="34"/>
      <c r="U142" s="34"/>
      <c r="V142" s="34"/>
      <c r="W142" s="34"/>
      <c r="X142" s="34"/>
      <c r="Y142" s="34"/>
      <c r="Z142" s="34"/>
      <c r="AA142" s="34"/>
    </row>
    <row r="146" spans="22:23" ht="20.149999999999999" customHeight="1">
      <c r="V146" s="87"/>
      <c r="W146" s="87"/>
    </row>
    <row r="147" spans="22:23" ht="20.149999999999999" customHeight="1">
      <c r="V147" s="88"/>
      <c r="W147" s="88"/>
    </row>
    <row r="148" spans="22:23" ht="20.149999999999999" customHeight="1">
      <c r="V148" s="89"/>
      <c r="W148" s="89"/>
    </row>
  </sheetData>
  <mergeCells count="346">
    <mergeCell ref="A3:AA3"/>
    <mergeCell ref="A4:AA4"/>
    <mergeCell ref="A6:AA6"/>
    <mergeCell ref="A14:AA14"/>
    <mergeCell ref="B17:Y17"/>
    <mergeCell ref="C18:L18"/>
    <mergeCell ref="C22:L22"/>
    <mergeCell ref="M22:X22"/>
    <mergeCell ref="C23:L23"/>
    <mergeCell ref="M23:X23"/>
    <mergeCell ref="C24:L24"/>
    <mergeCell ref="C25:L25"/>
    <mergeCell ref="M25:X25"/>
    <mergeCell ref="C26:L26"/>
    <mergeCell ref="M26:X26"/>
    <mergeCell ref="C27:L27"/>
    <mergeCell ref="M27:X27"/>
    <mergeCell ref="C28:L28"/>
    <mergeCell ref="M28:X28"/>
    <mergeCell ref="B29:L29"/>
    <mergeCell ref="M29:T29"/>
    <mergeCell ref="C30:L30"/>
    <mergeCell ref="M30:X30"/>
    <mergeCell ref="C31:L31"/>
    <mergeCell ref="M31:X31"/>
    <mergeCell ref="C32:L32"/>
    <mergeCell ref="M32:X32"/>
    <mergeCell ref="C33:L33"/>
    <mergeCell ref="M33:X33"/>
    <mergeCell ref="C37:AA37"/>
    <mergeCell ref="R38:W38"/>
    <mergeCell ref="R39:V39"/>
    <mergeCell ref="C40:L40"/>
    <mergeCell ref="M40:Q40"/>
    <mergeCell ref="R40:V40"/>
    <mergeCell ref="AC40:AO40"/>
    <mergeCell ref="C41:L41"/>
    <mergeCell ref="M41:Q41"/>
    <mergeCell ref="R41:V41"/>
    <mergeCell ref="C42:L42"/>
    <mergeCell ref="M42:Q42"/>
    <mergeCell ref="R42:V42"/>
    <mergeCell ref="C43:L43"/>
    <mergeCell ref="M43:Q43"/>
    <mergeCell ref="R43:V43"/>
    <mergeCell ref="C44:L44"/>
    <mergeCell ref="M44:Q44"/>
    <mergeCell ref="R44:V44"/>
    <mergeCell ref="C45:L45"/>
    <mergeCell ref="M45:Q45"/>
    <mergeCell ref="R45:V45"/>
    <mergeCell ref="C46:L46"/>
    <mergeCell ref="M46:Q46"/>
    <mergeCell ref="R46:V46"/>
    <mergeCell ref="C47:L47"/>
    <mergeCell ref="M47:Q47"/>
    <mergeCell ref="R47:V47"/>
    <mergeCell ref="C48:L48"/>
    <mergeCell ref="M48:Q48"/>
    <mergeCell ref="R48:V48"/>
    <mergeCell ref="C49:L49"/>
    <mergeCell ref="M49:Q49"/>
    <mergeCell ref="R49:V49"/>
    <mergeCell ref="C50:L50"/>
    <mergeCell ref="M50:Q50"/>
    <mergeCell ref="R50:V50"/>
    <mergeCell ref="C51:L51"/>
    <mergeCell ref="M51:Q51"/>
    <mergeCell ref="R51:V51"/>
    <mergeCell ref="C52:L52"/>
    <mergeCell ref="M52:Q52"/>
    <mergeCell ref="R52:V52"/>
    <mergeCell ref="C53:L53"/>
    <mergeCell ref="M53:Q53"/>
    <mergeCell ref="R53:V53"/>
    <mergeCell ref="C54:L54"/>
    <mergeCell ref="M54:Q54"/>
    <mergeCell ref="R54:V54"/>
    <mergeCell ref="C55:L55"/>
    <mergeCell ref="M55:Q55"/>
    <mergeCell ref="R55:V55"/>
    <mergeCell ref="C56:L56"/>
    <mergeCell ref="M56:Q56"/>
    <mergeCell ref="R56:V56"/>
    <mergeCell ref="C57:L57"/>
    <mergeCell ref="M57:Q57"/>
    <mergeCell ref="R57:V57"/>
    <mergeCell ref="C58:L58"/>
    <mergeCell ref="M58:Q58"/>
    <mergeCell ref="R58:V58"/>
    <mergeCell ref="C59:L59"/>
    <mergeCell ref="M59:Q59"/>
    <mergeCell ref="R59:V59"/>
    <mergeCell ref="C60:L60"/>
    <mergeCell ref="M60:Q60"/>
    <mergeCell ref="R60:V60"/>
    <mergeCell ref="C61:L61"/>
    <mergeCell ref="M61:Q61"/>
    <mergeCell ref="R61:V61"/>
    <mergeCell ref="C62:L62"/>
    <mergeCell ref="M62:Q62"/>
    <mergeCell ref="R62:V62"/>
    <mergeCell ref="C63:L63"/>
    <mergeCell ref="M63:Q63"/>
    <mergeCell ref="R63:V63"/>
    <mergeCell ref="C64:L64"/>
    <mergeCell ref="M64:Q64"/>
    <mergeCell ref="R64:V64"/>
    <mergeCell ref="C65:L65"/>
    <mergeCell ref="M65:Q65"/>
    <mergeCell ref="R65:V65"/>
    <mergeCell ref="C66:L66"/>
    <mergeCell ref="M66:Q66"/>
    <mergeCell ref="R66:V66"/>
    <mergeCell ref="C67:L67"/>
    <mergeCell ref="M67:Q67"/>
    <mergeCell ref="R67:V67"/>
    <mergeCell ref="C68:L68"/>
    <mergeCell ref="M68:Q68"/>
    <mergeCell ref="R68:V68"/>
    <mergeCell ref="C69:L69"/>
    <mergeCell ref="M69:Q69"/>
    <mergeCell ref="R69:V69"/>
    <mergeCell ref="C70:L70"/>
    <mergeCell ref="M70:Q70"/>
    <mergeCell ref="R70:V70"/>
    <mergeCell ref="C71:L71"/>
    <mergeCell ref="M71:Q71"/>
    <mergeCell ref="R71:V71"/>
    <mergeCell ref="C72:L72"/>
    <mergeCell ref="M72:Q72"/>
    <mergeCell ref="R72:V72"/>
    <mergeCell ref="C73:L73"/>
    <mergeCell ref="M73:Q73"/>
    <mergeCell ref="R73:V73"/>
    <mergeCell ref="C74:L74"/>
    <mergeCell ref="M74:Q74"/>
    <mergeCell ref="R74:V74"/>
    <mergeCell ref="C75:L75"/>
    <mergeCell ref="M75:Q75"/>
    <mergeCell ref="R75:V75"/>
    <mergeCell ref="C76:L76"/>
    <mergeCell ref="M76:Q76"/>
    <mergeCell ref="R76:V76"/>
    <mergeCell ref="C77:L77"/>
    <mergeCell ref="M77:Q77"/>
    <mergeCell ref="R77:V77"/>
    <mergeCell ref="C78:L78"/>
    <mergeCell ref="M78:Q78"/>
    <mergeCell ref="R78:V78"/>
    <mergeCell ref="C79:L79"/>
    <mergeCell ref="M79:Q79"/>
    <mergeCell ref="R79:V79"/>
    <mergeCell ref="C80:L80"/>
    <mergeCell ref="M80:Q80"/>
    <mergeCell ref="R80:V80"/>
    <mergeCell ref="C81:L81"/>
    <mergeCell ref="M81:Q81"/>
    <mergeCell ref="R81:V81"/>
    <mergeCell ref="C82:L82"/>
    <mergeCell ref="M82:Q82"/>
    <mergeCell ref="R82:V82"/>
    <mergeCell ref="C83:L83"/>
    <mergeCell ref="M83:Q83"/>
    <mergeCell ref="R83:V83"/>
    <mergeCell ref="C84:L84"/>
    <mergeCell ref="M84:Q84"/>
    <mergeCell ref="R84:V84"/>
    <mergeCell ref="C85:L85"/>
    <mergeCell ref="M85:Q85"/>
    <mergeCell ref="R85:V85"/>
    <mergeCell ref="C86:L86"/>
    <mergeCell ref="M86:Q86"/>
    <mergeCell ref="R86:V86"/>
    <mergeCell ref="C87:L87"/>
    <mergeCell ref="M87:Q87"/>
    <mergeCell ref="R87:V87"/>
    <mergeCell ref="C88:L88"/>
    <mergeCell ref="M88:Q88"/>
    <mergeCell ref="R88:V88"/>
    <mergeCell ref="C89:L89"/>
    <mergeCell ref="M89:Q89"/>
    <mergeCell ref="R89:V89"/>
    <mergeCell ref="C90:L90"/>
    <mergeCell ref="M90:Q90"/>
    <mergeCell ref="R90:V90"/>
    <mergeCell ref="C91:L91"/>
    <mergeCell ref="M91:Q91"/>
    <mergeCell ref="R91:V91"/>
    <mergeCell ref="C92:L92"/>
    <mergeCell ref="M92:Q92"/>
    <mergeCell ref="R92:V92"/>
    <mergeCell ref="C93:L93"/>
    <mergeCell ref="M93:Q93"/>
    <mergeCell ref="R93:V93"/>
    <mergeCell ref="C94:L94"/>
    <mergeCell ref="M94:Q94"/>
    <mergeCell ref="R94:V94"/>
    <mergeCell ref="C95:L95"/>
    <mergeCell ref="M95:Q95"/>
    <mergeCell ref="R95:V95"/>
    <mergeCell ref="C96:L96"/>
    <mergeCell ref="M96:Q96"/>
    <mergeCell ref="R96:V96"/>
    <mergeCell ref="C97:L97"/>
    <mergeCell ref="M97:Q97"/>
    <mergeCell ref="R97:V97"/>
    <mergeCell ref="C98:L98"/>
    <mergeCell ref="M98:Q98"/>
    <mergeCell ref="R98:V98"/>
    <mergeCell ref="C99:L99"/>
    <mergeCell ref="M99:Q99"/>
    <mergeCell ref="R99:V99"/>
    <mergeCell ref="C100:L100"/>
    <mergeCell ref="M100:Q100"/>
    <mergeCell ref="R100:V100"/>
    <mergeCell ref="C101:L101"/>
    <mergeCell ref="M101:Q101"/>
    <mergeCell ref="R101:V101"/>
    <mergeCell ref="C102:L102"/>
    <mergeCell ref="M102:Q102"/>
    <mergeCell ref="R102:V102"/>
    <mergeCell ref="C103:L103"/>
    <mergeCell ref="M103:Q103"/>
    <mergeCell ref="R103:V103"/>
    <mergeCell ref="C104:L104"/>
    <mergeCell ref="M104:Q104"/>
    <mergeCell ref="R104:V104"/>
    <mergeCell ref="C105:L105"/>
    <mergeCell ref="M105:Q105"/>
    <mergeCell ref="R105:V105"/>
    <mergeCell ref="C106:L106"/>
    <mergeCell ref="M106:Q106"/>
    <mergeCell ref="R106:V106"/>
    <mergeCell ref="C107:L107"/>
    <mergeCell ref="M107:Q107"/>
    <mergeCell ref="R107:V107"/>
    <mergeCell ref="C108:L108"/>
    <mergeCell ref="M108:Q108"/>
    <mergeCell ref="R108:V108"/>
    <mergeCell ref="C109:L109"/>
    <mergeCell ref="M109:Q109"/>
    <mergeCell ref="R109:V109"/>
    <mergeCell ref="C110:L110"/>
    <mergeCell ref="M110:Q110"/>
    <mergeCell ref="R110:V110"/>
    <mergeCell ref="C111:L111"/>
    <mergeCell ref="M111:Q111"/>
    <mergeCell ref="R111:V111"/>
    <mergeCell ref="C112:L112"/>
    <mergeCell ref="M112:Q112"/>
    <mergeCell ref="R112:V112"/>
    <mergeCell ref="C113:L113"/>
    <mergeCell ref="M113:Q113"/>
    <mergeCell ref="R113:V113"/>
    <mergeCell ref="C114:L114"/>
    <mergeCell ref="M114:Q114"/>
    <mergeCell ref="R114:V114"/>
    <mergeCell ref="C115:L115"/>
    <mergeCell ref="M115:Q115"/>
    <mergeCell ref="R115:V115"/>
    <mergeCell ref="C116:L116"/>
    <mergeCell ref="M116:Q116"/>
    <mergeCell ref="R116:V116"/>
    <mergeCell ref="C117:L117"/>
    <mergeCell ref="M117:Q117"/>
    <mergeCell ref="R117:V117"/>
    <mergeCell ref="C118:L118"/>
    <mergeCell ref="M118:Q118"/>
    <mergeCell ref="R118:V118"/>
    <mergeCell ref="C119:L119"/>
    <mergeCell ref="M119:Q119"/>
    <mergeCell ref="R119:V119"/>
    <mergeCell ref="C120:L120"/>
    <mergeCell ref="M120:Q120"/>
    <mergeCell ref="R120:V120"/>
    <mergeCell ref="C121:L121"/>
    <mergeCell ref="M121:Q121"/>
    <mergeCell ref="R121:V121"/>
    <mergeCell ref="C122:L122"/>
    <mergeCell ref="M122:Q122"/>
    <mergeCell ref="R122:V122"/>
    <mergeCell ref="C123:L123"/>
    <mergeCell ref="M123:Q123"/>
    <mergeCell ref="R123:V123"/>
    <mergeCell ref="C124:L124"/>
    <mergeCell ref="M124:Q124"/>
    <mergeCell ref="R124:V124"/>
    <mergeCell ref="C125:L125"/>
    <mergeCell ref="M125:Q125"/>
    <mergeCell ref="R125:V125"/>
    <mergeCell ref="C126:L126"/>
    <mergeCell ref="M126:Q126"/>
    <mergeCell ref="R126:V126"/>
    <mergeCell ref="C127:L127"/>
    <mergeCell ref="M127:Q127"/>
    <mergeCell ref="R127:V127"/>
    <mergeCell ref="C128:L128"/>
    <mergeCell ref="M128:Q128"/>
    <mergeCell ref="R128:V128"/>
    <mergeCell ref="C129:L129"/>
    <mergeCell ref="M129:Q129"/>
    <mergeCell ref="R129:V129"/>
    <mergeCell ref="C130:L130"/>
    <mergeCell ref="M130:Q130"/>
    <mergeCell ref="R130:V130"/>
    <mergeCell ref="C131:L131"/>
    <mergeCell ref="M131:Q131"/>
    <mergeCell ref="R131:V131"/>
    <mergeCell ref="C132:L132"/>
    <mergeCell ref="M132:Q132"/>
    <mergeCell ref="R132:V132"/>
    <mergeCell ref="C133:L133"/>
    <mergeCell ref="M133:Q133"/>
    <mergeCell ref="R133:V133"/>
    <mergeCell ref="C134:L134"/>
    <mergeCell ref="M134:Q134"/>
    <mergeCell ref="R134:V134"/>
    <mergeCell ref="C135:L135"/>
    <mergeCell ref="M135:Q135"/>
    <mergeCell ref="R135:V135"/>
    <mergeCell ref="C136:L136"/>
    <mergeCell ref="M136:Q136"/>
    <mergeCell ref="R136:V136"/>
    <mergeCell ref="C137:L137"/>
    <mergeCell ref="M137:Q137"/>
    <mergeCell ref="R137:V137"/>
    <mergeCell ref="C138:L138"/>
    <mergeCell ref="M138:Q138"/>
    <mergeCell ref="R138:V138"/>
    <mergeCell ref="C139:L139"/>
    <mergeCell ref="M139:Q139"/>
    <mergeCell ref="R139:V139"/>
    <mergeCell ref="C140:L140"/>
    <mergeCell ref="M140:Q140"/>
    <mergeCell ref="R140:V140"/>
    <mergeCell ref="C141:L141"/>
    <mergeCell ref="M141:Q141"/>
    <mergeCell ref="R141:V141"/>
    <mergeCell ref="B30:B31"/>
    <mergeCell ref="B38:B39"/>
    <mergeCell ref="C38:L39"/>
    <mergeCell ref="M38:Q39"/>
    <mergeCell ref="X38:X39"/>
    <mergeCell ref="Y38:Y39"/>
    <mergeCell ref="Z38:Z39"/>
  </mergeCells>
  <phoneticPr fontId="21"/>
  <dataValidations count="5">
    <dataValidation type="textLength" imeMode="halfAlpha" operator="equal" allowBlank="1" showDropDown="0" showInputMessage="1" showErrorMessage="1" error="桁数が正しくありません。10桁の介護保険事業所番号を入力してください。" prompt="10桁の介護保険事業所番号を入力してください。" sqref="C40:L41">
      <formula1>10</formula1>
    </dataValidation>
    <dataValidation type="list" allowBlank="1" showDropDown="0" showInputMessage="1" showErrorMessage="1" sqref="W40:W141">
      <formula1>INDIRECT(R40)</formula1>
    </dataValidation>
    <dataValidation type="textLength" imeMode="halfAlpha" operator="equal" allowBlank="1" showDropDown="0" showInputMessage="1" showErrorMessage="1" error="桁数が正しくありません。13桁の法人番号を入力してください。" sqref="M29:T29">
      <formula1>13</formula1>
    </dataValidation>
    <dataValidation imeMode="halfAlpha" allowBlank="1" showDropDown="0" showInputMessage="1" showErrorMessage="1" sqref="M24:T24"/>
    <dataValidation type="textLength" operator="equal" allowBlank="1" showDropDown="0" showInputMessage="1" showErrorMessage="1" error="桁数が正しくありません。10桁の介護保険事業所番号を入力してください。" prompt="10桁の介護保険事業所番号を入力してください。" sqref="C139:L141 D50:L138 D47:L48 D42:L45 C42:C138">
      <formula1>10</formula1>
    </dataValidation>
  </dataValidations>
  <pageMargins left="0.70866141732283472" right="0.70866141732283472" top="0.74803149606299213" bottom="0.74803149606299213" header="0.31496062992125984" footer="0.31496062992125984"/>
  <pageSetup paperSize="8" scale="75" fitToWidth="1" fitToHeight="1" orientation="portrait" usePrinterDefaults="1" cellComments="asDisplayed" r:id="rId1"/>
  <drawing r:id="rId2"/>
  <legacyDrawing r:id="rId3"/>
  <extLst>
    <ext xmlns:x14="http://schemas.microsoft.com/office/spreadsheetml/2009/9/main" uri="{CCE6A557-97BC-4b89-ADB6-D9C93CAAB3DF}">
      <x14:dataValidations xmlns:xm="http://schemas.microsoft.com/office/excel/2006/main" count="3">
        <x14:dataValidation type="list" allowBlank="1" showDropDown="0" showInputMessage="1" showErrorMessage="1">
          <x14:formula1>
            <xm:f>'【参考】数式用'!$D$3:$D$49</xm:f>
          </x14:formula1>
          <xm:sqref>C18:L18</xm:sqref>
        </x14:dataValidation>
        <x14:dataValidation type="list" allowBlank="1" showDropDown="0" showInputMessage="1" showErrorMessage="1">
          <x14:formula1>
            <xm:f>'【参考】数式用'!$A$3:$A$46</xm:f>
          </x14:formula1>
          <xm:sqref>Y40:Y141</xm:sqref>
        </x14:dataValidation>
        <x14:dataValidation type="list" allowBlank="1" showDropDown="0" showInputMessage="1" showErrorMessage="1">
          <x14:formula1>
            <xm:f>'【参考】数式用'!$D$3:$D$50</xm:f>
          </x14:formula1>
          <xm:sqref>R40:V14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sheetPr codeName="Sheet4"/>
  <dimension ref="A1:AU99"/>
  <sheetViews>
    <sheetView view="pageBreakPreview" topLeftCell="A7" zoomScale="145" zoomScaleNormal="120" zoomScaleSheetLayoutView="145" workbookViewId="0">
      <selection activeCell="Z18" sqref="Z18:AF18"/>
    </sheetView>
  </sheetViews>
  <sheetFormatPr defaultColWidth="9" defaultRowHeight="13.5"/>
  <cols>
    <col min="1" max="1" width="2.453125" customWidth="1"/>
    <col min="2" max="3" width="2.6328125" customWidth="1"/>
    <col min="4" max="4" width="3.453125" customWidth="1"/>
    <col min="5" max="6" width="2.6328125" customWidth="1"/>
    <col min="7" max="11" width="2.453125" customWidth="1"/>
    <col min="12" max="13" width="3" customWidth="1"/>
    <col min="14" max="24" width="2.453125" customWidth="1"/>
    <col min="25" max="25" width="5.90625" customWidth="1"/>
    <col min="26" max="34" width="2.453125" customWidth="1"/>
    <col min="35" max="35" width="3" customWidth="1"/>
    <col min="36" max="36" width="2.453125" customWidth="1"/>
    <col min="37" max="37" width="4.08984375" customWidth="1"/>
    <col min="47" max="47" width="13.36328125" customWidth="1"/>
  </cols>
  <sheetData>
    <row r="1" spans="1:47" ht="20.25" customHeight="1">
      <c r="A1" s="122" t="s">
        <v>49</v>
      </c>
      <c r="B1" s="164"/>
      <c r="C1" s="164"/>
      <c r="D1" s="164"/>
      <c r="E1" s="164"/>
      <c r="F1" s="164"/>
      <c r="G1" s="164"/>
      <c r="H1" s="164"/>
      <c r="I1" s="164"/>
      <c r="J1" s="164"/>
      <c r="K1" s="164"/>
      <c r="L1" s="164"/>
      <c r="M1" s="164"/>
      <c r="N1" s="164"/>
      <c r="O1" s="164"/>
      <c r="P1" s="164"/>
      <c r="Q1" s="164"/>
      <c r="R1" s="164"/>
      <c r="S1" s="164"/>
      <c r="T1" s="164"/>
      <c r="U1" s="164"/>
      <c r="V1" s="164"/>
      <c r="W1" s="123"/>
      <c r="X1" s="123"/>
      <c r="Y1" s="123"/>
      <c r="Z1" s="206" t="s">
        <v>23</v>
      </c>
      <c r="AA1" s="206"/>
      <c r="AB1" s="206"/>
      <c r="AC1" s="206" t="str">
        <f>IF(基本情報入力シート!C18="","",基本情報入力シート!C18)</f>
        <v>広島県</v>
      </c>
      <c r="AD1" s="212"/>
      <c r="AE1" s="212"/>
      <c r="AF1" s="212"/>
      <c r="AG1" s="212"/>
      <c r="AH1" s="212"/>
      <c r="AI1" s="217"/>
      <c r="AJ1" s="122"/>
    </row>
    <row r="2" spans="1:47" ht="6" customHeight="1">
      <c r="A2" s="123"/>
      <c r="B2" s="123"/>
      <c r="C2" s="123"/>
      <c r="D2" s="123"/>
      <c r="E2" s="123"/>
      <c r="F2" s="123"/>
      <c r="G2" s="123"/>
      <c r="H2" s="123"/>
      <c r="I2" s="123"/>
      <c r="J2" s="123"/>
      <c r="K2" s="123"/>
      <c r="L2" s="123"/>
      <c r="M2" s="123"/>
      <c r="N2" s="123"/>
      <c r="O2" s="123"/>
      <c r="P2" s="123"/>
      <c r="Q2" s="123"/>
      <c r="R2" s="123"/>
      <c r="S2" s="123"/>
      <c r="T2" s="123"/>
      <c r="U2" s="123"/>
      <c r="V2" s="123"/>
      <c r="W2" s="123"/>
      <c r="X2" s="123"/>
      <c r="Y2" s="123"/>
      <c r="Z2" s="123"/>
      <c r="AA2" s="123"/>
      <c r="AB2" s="123"/>
      <c r="AC2" s="123"/>
      <c r="AD2" s="123"/>
      <c r="AE2" s="123"/>
      <c r="AF2" s="123"/>
      <c r="AG2" s="123"/>
      <c r="AH2" s="123"/>
      <c r="AI2" s="123"/>
      <c r="AJ2" s="123"/>
    </row>
    <row r="3" spans="1:47" ht="17.25">
      <c r="A3" s="124" t="s">
        <v>253</v>
      </c>
      <c r="B3" s="124"/>
      <c r="C3" s="124"/>
      <c r="D3" s="124"/>
      <c r="E3" s="124"/>
      <c r="F3" s="124"/>
      <c r="G3" s="124"/>
      <c r="H3" s="124"/>
      <c r="I3" s="124"/>
      <c r="J3" s="124"/>
      <c r="K3" s="124"/>
      <c r="L3" s="124"/>
      <c r="M3" s="124"/>
      <c r="N3" s="124"/>
      <c r="O3" s="124"/>
      <c r="P3" s="124"/>
      <c r="Q3" s="124"/>
      <c r="R3" s="124"/>
      <c r="S3" s="124"/>
      <c r="T3" s="124"/>
      <c r="U3" s="124"/>
      <c r="V3" s="124"/>
      <c r="W3" s="124"/>
      <c r="X3" s="124"/>
      <c r="Y3" s="124"/>
      <c r="Z3" s="124"/>
      <c r="AA3" s="124"/>
      <c r="AB3" s="124"/>
      <c r="AC3" s="124"/>
      <c r="AD3" s="124"/>
      <c r="AE3" s="124"/>
      <c r="AF3" s="124"/>
      <c r="AG3" s="124"/>
      <c r="AH3" s="124"/>
      <c r="AI3" s="124"/>
      <c r="AJ3" s="124"/>
    </row>
    <row r="4" spans="1:47" ht="6" customHeight="1">
      <c r="A4" s="123"/>
      <c r="B4" s="123"/>
      <c r="C4" s="123"/>
      <c r="D4" s="123"/>
      <c r="E4" s="123"/>
      <c r="F4" s="123"/>
      <c r="G4" s="123"/>
      <c r="H4" s="123"/>
      <c r="I4" s="123"/>
      <c r="J4" s="123"/>
      <c r="K4" s="123"/>
      <c r="L4" s="123"/>
      <c r="M4" s="123"/>
      <c r="N4" s="123"/>
      <c r="O4" s="123"/>
      <c r="P4" s="123"/>
      <c r="Q4" s="123"/>
      <c r="R4" s="123"/>
      <c r="S4" s="123"/>
      <c r="T4" s="123"/>
      <c r="U4" s="123"/>
      <c r="V4" s="123"/>
      <c r="W4" s="123"/>
      <c r="X4" s="123"/>
      <c r="Y4" s="123"/>
      <c r="Z4" s="123"/>
      <c r="AA4" s="123"/>
      <c r="AB4" s="123"/>
      <c r="AC4" s="123"/>
      <c r="AD4" s="123"/>
      <c r="AE4" s="123"/>
      <c r="AF4" s="123"/>
      <c r="AG4" s="123"/>
      <c r="AH4" s="123"/>
      <c r="AI4" s="123"/>
      <c r="AJ4" s="123"/>
    </row>
    <row r="5" spans="1:47">
      <c r="A5" s="125" t="s">
        <v>54</v>
      </c>
      <c r="B5" s="123"/>
      <c r="C5" s="123"/>
      <c r="D5" s="123"/>
      <c r="E5" s="123"/>
      <c r="F5" s="123"/>
      <c r="G5" s="123"/>
      <c r="H5" s="123"/>
      <c r="I5" s="123"/>
      <c r="J5" s="123"/>
      <c r="K5" s="123"/>
      <c r="L5" s="123"/>
      <c r="M5" s="123"/>
      <c r="N5" s="123"/>
      <c r="O5" s="123"/>
      <c r="P5" s="123"/>
      <c r="Q5" s="123"/>
      <c r="R5" s="123"/>
      <c r="S5" s="123"/>
      <c r="T5" s="123"/>
      <c r="U5" s="123"/>
      <c r="V5" s="123"/>
      <c r="W5" s="123"/>
      <c r="X5" s="123"/>
      <c r="Y5" s="123"/>
      <c r="Z5" s="123"/>
      <c r="AA5" s="123"/>
      <c r="AB5" s="123"/>
      <c r="AC5" s="123"/>
      <c r="AD5" s="123"/>
      <c r="AE5" s="123"/>
      <c r="AF5" s="123"/>
      <c r="AG5" s="123"/>
      <c r="AH5" s="123"/>
      <c r="AI5" s="123"/>
      <c r="AJ5" s="123"/>
    </row>
    <row r="6" spans="1:47" s="120" customFormat="1" ht="13.5" customHeight="1">
      <c r="A6" s="126" t="s">
        <v>43</v>
      </c>
      <c r="B6" s="126"/>
      <c r="C6" s="126"/>
      <c r="D6" s="126"/>
      <c r="E6" s="126"/>
      <c r="F6" s="126"/>
      <c r="G6" s="182" t="str">
        <f>IF(基本情報入力シート!M22="","",基本情報入力シート!M22)</f>
        <v/>
      </c>
      <c r="H6" s="182"/>
      <c r="I6" s="182"/>
      <c r="J6" s="182"/>
      <c r="K6" s="182"/>
      <c r="L6" s="182"/>
      <c r="M6" s="182"/>
      <c r="N6" s="182"/>
      <c r="O6" s="182"/>
      <c r="P6" s="182"/>
      <c r="Q6" s="182"/>
      <c r="R6" s="182"/>
      <c r="S6" s="182"/>
      <c r="T6" s="182"/>
      <c r="U6" s="182"/>
      <c r="V6" s="182"/>
      <c r="W6" s="182"/>
      <c r="X6" s="182"/>
      <c r="Y6" s="182"/>
      <c r="Z6" s="182"/>
      <c r="AA6" s="182"/>
      <c r="AB6" s="182"/>
      <c r="AC6" s="182"/>
      <c r="AD6" s="182"/>
      <c r="AE6" s="182"/>
      <c r="AF6" s="182"/>
      <c r="AG6" s="182"/>
      <c r="AH6" s="182"/>
      <c r="AI6" s="182"/>
      <c r="AJ6" s="229"/>
    </row>
    <row r="7" spans="1:47" s="120" customFormat="1" ht="22.5" customHeight="1">
      <c r="A7" s="127" t="s">
        <v>4</v>
      </c>
      <c r="B7" s="127"/>
      <c r="C7" s="127"/>
      <c r="D7" s="127"/>
      <c r="E7" s="127"/>
      <c r="F7" s="127"/>
      <c r="G7" s="183" t="str">
        <f>IF(基本情報入力シート!M23="","",基本情報入力シート!M23)</f>
        <v/>
      </c>
      <c r="H7" s="183"/>
      <c r="I7" s="183"/>
      <c r="J7" s="183"/>
      <c r="K7" s="183"/>
      <c r="L7" s="183"/>
      <c r="M7" s="183"/>
      <c r="N7" s="183"/>
      <c r="O7" s="183"/>
      <c r="P7" s="183"/>
      <c r="Q7" s="183"/>
      <c r="R7" s="183"/>
      <c r="S7" s="183"/>
      <c r="T7" s="183"/>
      <c r="U7" s="183"/>
      <c r="V7" s="183"/>
      <c r="W7" s="183"/>
      <c r="X7" s="183"/>
      <c r="Y7" s="183"/>
      <c r="Z7" s="183"/>
      <c r="AA7" s="183"/>
      <c r="AB7" s="183"/>
      <c r="AC7" s="183"/>
      <c r="AD7" s="183"/>
      <c r="AE7" s="183"/>
      <c r="AF7" s="183"/>
      <c r="AG7" s="183"/>
      <c r="AH7" s="183"/>
      <c r="AI7" s="183"/>
      <c r="AJ7" s="230"/>
    </row>
    <row r="8" spans="1:47" s="120" customFormat="1" ht="12.75" customHeight="1">
      <c r="A8" s="128" t="s">
        <v>254</v>
      </c>
      <c r="B8" s="128"/>
      <c r="C8" s="128"/>
      <c r="D8" s="128"/>
      <c r="E8" s="128"/>
      <c r="F8" s="128"/>
      <c r="G8" s="182" t="s">
        <v>61</v>
      </c>
      <c r="H8" s="188" t="str">
        <f>IF(基本情報入力シート!AB24="－","",基本情報入力シート!AB24)</f>
        <v/>
      </c>
      <c r="I8" s="188"/>
      <c r="J8" s="188"/>
      <c r="K8" s="188"/>
      <c r="L8" s="188"/>
      <c r="M8" s="196"/>
      <c r="N8" s="199"/>
      <c r="O8" s="199"/>
      <c r="P8" s="199"/>
      <c r="Q8" s="199"/>
      <c r="R8" s="199"/>
      <c r="S8" s="199"/>
      <c r="T8" s="199"/>
      <c r="U8" s="199"/>
      <c r="V8" s="199"/>
      <c r="W8" s="199"/>
      <c r="X8" s="199"/>
      <c r="Y8" s="199"/>
      <c r="Z8" s="199"/>
      <c r="AA8" s="199"/>
      <c r="AB8" s="199"/>
      <c r="AC8" s="199"/>
      <c r="AD8" s="199"/>
      <c r="AE8" s="199"/>
      <c r="AF8" s="199"/>
      <c r="AG8" s="199"/>
      <c r="AH8" s="199"/>
      <c r="AI8" s="199"/>
      <c r="AJ8" s="231"/>
    </row>
    <row r="9" spans="1:47" s="120" customFormat="1" ht="12" customHeight="1">
      <c r="A9" s="128"/>
      <c r="B9" s="128"/>
      <c r="C9" s="128"/>
      <c r="D9" s="128"/>
      <c r="E9" s="128"/>
      <c r="F9" s="128"/>
      <c r="G9" s="184" t="str">
        <f>IF(基本情報入力シート!M25="","",基本情報入力シート!M25)</f>
        <v/>
      </c>
      <c r="H9" s="184"/>
      <c r="I9" s="184"/>
      <c r="J9" s="184"/>
      <c r="K9" s="184"/>
      <c r="L9" s="184"/>
      <c r="M9" s="184"/>
      <c r="N9" s="184"/>
      <c r="O9" s="184"/>
      <c r="P9" s="184"/>
      <c r="Q9" s="184"/>
      <c r="R9" s="184"/>
      <c r="S9" s="184"/>
      <c r="T9" s="184"/>
      <c r="U9" s="184"/>
      <c r="V9" s="184"/>
      <c r="W9" s="184"/>
      <c r="X9" s="184"/>
      <c r="Y9" s="184"/>
      <c r="Z9" s="184"/>
      <c r="AA9" s="184"/>
      <c r="AB9" s="184"/>
      <c r="AC9" s="184"/>
      <c r="AD9" s="184"/>
      <c r="AE9" s="184"/>
      <c r="AF9" s="184"/>
      <c r="AG9" s="184"/>
      <c r="AH9" s="184"/>
      <c r="AI9" s="184"/>
      <c r="AJ9" s="232"/>
    </row>
    <row r="10" spans="1:47" s="120" customFormat="1" ht="12" customHeight="1">
      <c r="A10" s="128"/>
      <c r="B10" s="128"/>
      <c r="C10" s="128"/>
      <c r="D10" s="128"/>
      <c r="E10" s="128"/>
      <c r="F10" s="128"/>
      <c r="G10" s="185" t="str">
        <f>IF(基本情報入力シート!M26="","",基本情報入力シート!M26)</f>
        <v/>
      </c>
      <c r="H10" s="185"/>
      <c r="I10" s="185"/>
      <c r="J10" s="185"/>
      <c r="K10" s="185"/>
      <c r="L10" s="185"/>
      <c r="M10" s="185"/>
      <c r="N10" s="185"/>
      <c r="O10" s="185"/>
      <c r="P10" s="185"/>
      <c r="Q10" s="185"/>
      <c r="R10" s="185"/>
      <c r="S10" s="185"/>
      <c r="T10" s="185"/>
      <c r="U10" s="185"/>
      <c r="V10" s="185"/>
      <c r="W10" s="185"/>
      <c r="X10" s="185"/>
      <c r="Y10" s="185"/>
      <c r="Z10" s="185"/>
      <c r="AA10" s="185"/>
      <c r="AB10" s="185"/>
      <c r="AC10" s="185"/>
      <c r="AD10" s="185"/>
      <c r="AE10" s="185"/>
      <c r="AF10" s="185"/>
      <c r="AG10" s="185"/>
      <c r="AH10" s="185"/>
      <c r="AI10" s="185"/>
      <c r="AJ10" s="233"/>
    </row>
    <row r="11" spans="1:47" s="120" customFormat="1" ht="15" customHeight="1">
      <c r="A11" s="129" t="s">
        <v>43</v>
      </c>
      <c r="B11" s="129"/>
      <c r="C11" s="129"/>
      <c r="D11" s="129"/>
      <c r="E11" s="129"/>
      <c r="F11" s="129"/>
      <c r="G11" s="182" t="str">
        <f>IF(基本情報入力シート!M30="","",基本情報入力シート!M30)</f>
        <v/>
      </c>
      <c r="H11" s="182"/>
      <c r="I11" s="182"/>
      <c r="J11" s="182"/>
      <c r="K11" s="182"/>
      <c r="L11" s="182"/>
      <c r="M11" s="182"/>
      <c r="N11" s="182"/>
      <c r="O11" s="182"/>
      <c r="P11" s="182"/>
      <c r="Q11" s="182"/>
      <c r="R11" s="182"/>
      <c r="S11" s="182"/>
      <c r="T11" s="182"/>
      <c r="U11" s="182"/>
      <c r="V11" s="182"/>
      <c r="W11" s="182"/>
      <c r="X11" s="182"/>
      <c r="Y11" s="182"/>
      <c r="Z11" s="182"/>
      <c r="AA11" s="182"/>
      <c r="AB11" s="182"/>
      <c r="AC11" s="182"/>
      <c r="AD11" s="182"/>
      <c r="AE11" s="182"/>
      <c r="AF11" s="182"/>
      <c r="AG11" s="182"/>
      <c r="AH11" s="182"/>
      <c r="AI11" s="182"/>
      <c r="AJ11" s="229"/>
      <c r="AS11" s="250"/>
    </row>
    <row r="12" spans="1:47" s="120" customFormat="1" ht="22.5" customHeight="1">
      <c r="A12" s="130" t="s">
        <v>258</v>
      </c>
      <c r="B12" s="130"/>
      <c r="C12" s="130"/>
      <c r="D12" s="130"/>
      <c r="E12" s="130"/>
      <c r="F12" s="130"/>
      <c r="G12" s="185" t="str">
        <f>IF(基本情報入力シート!M31="","",基本情報入力シート!M31)</f>
        <v/>
      </c>
      <c r="H12" s="185"/>
      <c r="I12" s="185"/>
      <c r="J12" s="185"/>
      <c r="K12" s="185"/>
      <c r="L12" s="185"/>
      <c r="M12" s="185"/>
      <c r="N12" s="185"/>
      <c r="O12" s="185"/>
      <c r="P12" s="185"/>
      <c r="Q12" s="185"/>
      <c r="R12" s="185"/>
      <c r="S12" s="185"/>
      <c r="T12" s="185"/>
      <c r="U12" s="185"/>
      <c r="V12" s="185"/>
      <c r="W12" s="185"/>
      <c r="X12" s="185"/>
      <c r="Y12" s="185"/>
      <c r="Z12" s="185"/>
      <c r="AA12" s="185"/>
      <c r="AB12" s="185"/>
      <c r="AC12" s="185"/>
      <c r="AD12" s="185"/>
      <c r="AE12" s="185"/>
      <c r="AF12" s="185"/>
      <c r="AG12" s="185"/>
      <c r="AH12" s="185"/>
      <c r="AI12" s="185"/>
      <c r="AJ12" s="233"/>
      <c r="AS12" s="250"/>
    </row>
    <row r="13" spans="1:47" s="120" customFormat="1" ht="17.25" customHeight="1">
      <c r="A13" s="131" t="s">
        <v>127</v>
      </c>
      <c r="B13" s="131"/>
      <c r="C13" s="131"/>
      <c r="D13" s="131"/>
      <c r="E13" s="131"/>
      <c r="F13" s="131"/>
      <c r="G13" s="186" t="s">
        <v>130</v>
      </c>
      <c r="H13" s="186"/>
      <c r="I13" s="186"/>
      <c r="J13" s="186"/>
      <c r="K13" s="190" t="str">
        <f>IF(基本情報入力シート!M32="","",基本情報入力シート!M32)</f>
        <v/>
      </c>
      <c r="L13" s="190"/>
      <c r="M13" s="190"/>
      <c r="N13" s="190"/>
      <c r="O13" s="190"/>
      <c r="P13" s="190"/>
      <c r="Q13" s="190"/>
      <c r="R13" s="190"/>
      <c r="S13" s="190"/>
      <c r="T13" s="190"/>
      <c r="U13" s="131" t="s">
        <v>73</v>
      </c>
      <c r="V13" s="131"/>
      <c r="W13" s="131"/>
      <c r="X13" s="131"/>
      <c r="Y13" s="190" t="str">
        <f>IF(基本情報入力シート!M33="","",基本情報入力シート!M33)</f>
        <v/>
      </c>
      <c r="Z13" s="190"/>
      <c r="AA13" s="190"/>
      <c r="AB13" s="190"/>
      <c r="AC13" s="190"/>
      <c r="AD13" s="190"/>
      <c r="AE13" s="190"/>
      <c r="AF13" s="190"/>
      <c r="AG13" s="190"/>
      <c r="AH13" s="190"/>
      <c r="AI13" s="190"/>
      <c r="AJ13" s="190"/>
      <c r="AS13" s="250"/>
    </row>
    <row r="14" spans="1:47" s="120" customFormat="1" ht="7.5" customHeight="1">
      <c r="A14" s="132"/>
      <c r="B14" s="132"/>
      <c r="C14" s="132"/>
      <c r="D14" s="132"/>
      <c r="E14" s="132"/>
      <c r="F14" s="132"/>
      <c r="G14" s="132"/>
      <c r="H14" s="132"/>
      <c r="I14" s="132"/>
      <c r="J14" s="132"/>
      <c r="K14" s="191"/>
      <c r="L14" s="191"/>
      <c r="M14" s="191"/>
      <c r="N14" s="191"/>
      <c r="O14" s="191"/>
      <c r="P14" s="191"/>
      <c r="Q14" s="191"/>
      <c r="R14" s="191"/>
      <c r="S14" s="191"/>
      <c r="T14" s="191"/>
      <c r="U14" s="191"/>
      <c r="V14" s="132"/>
      <c r="W14" s="132"/>
      <c r="X14" s="132"/>
      <c r="Y14" s="132"/>
      <c r="Z14" s="191"/>
      <c r="AA14" s="191"/>
      <c r="AB14" s="191"/>
      <c r="AC14" s="191"/>
      <c r="AD14" s="191"/>
      <c r="AE14" s="191"/>
      <c r="AF14" s="191"/>
      <c r="AG14" s="191"/>
      <c r="AH14" s="191"/>
      <c r="AI14" s="191"/>
      <c r="AJ14" s="191"/>
      <c r="AT14" s="250"/>
    </row>
    <row r="15" spans="1:47" s="120" customFormat="1" ht="14.25">
      <c r="A15" s="133" t="s">
        <v>260</v>
      </c>
      <c r="B15" s="132"/>
      <c r="C15" s="132"/>
      <c r="D15" s="132"/>
      <c r="E15" s="132"/>
      <c r="F15" s="155"/>
      <c r="G15" s="132"/>
      <c r="H15" s="132"/>
      <c r="I15" s="132"/>
      <c r="J15" s="132"/>
      <c r="K15" s="191"/>
      <c r="L15" s="192"/>
      <c r="M15" s="155"/>
      <c r="N15" s="191"/>
      <c r="O15" s="191"/>
      <c r="P15" s="191"/>
      <c r="Q15" s="191"/>
      <c r="R15" s="191"/>
      <c r="S15" s="191"/>
      <c r="T15" s="191"/>
      <c r="U15" s="191"/>
      <c r="V15" s="132"/>
      <c r="W15" s="132"/>
      <c r="X15" s="132"/>
      <c r="Y15" s="132"/>
      <c r="Z15" s="191"/>
      <c r="AA15" s="191"/>
      <c r="AB15" s="191"/>
      <c r="AC15" s="191"/>
      <c r="AD15" s="191"/>
      <c r="AE15" s="191"/>
      <c r="AF15" s="191"/>
      <c r="AG15" s="191"/>
      <c r="AH15" s="191"/>
      <c r="AI15" s="191"/>
      <c r="AJ15" s="191"/>
      <c r="AT15" s="250"/>
    </row>
    <row r="16" spans="1:47" ht="19.5" customHeight="1">
      <c r="A16" s="134" t="s">
        <v>265</v>
      </c>
      <c r="B16" s="134"/>
      <c r="C16" s="134"/>
      <c r="D16" s="134"/>
      <c r="E16" s="134"/>
      <c r="F16" s="134"/>
      <c r="G16" s="134"/>
      <c r="H16" s="134"/>
      <c r="I16" s="134"/>
      <c r="J16" s="134"/>
      <c r="K16" s="134"/>
      <c r="L16" s="134"/>
      <c r="M16" s="134"/>
      <c r="N16" s="134"/>
      <c r="O16" s="134"/>
      <c r="P16" s="134"/>
      <c r="Q16" s="134"/>
      <c r="R16" s="134"/>
      <c r="S16" s="134"/>
      <c r="T16" s="134"/>
      <c r="U16" s="134"/>
      <c r="V16" s="134"/>
      <c r="W16" s="134"/>
      <c r="X16" s="134"/>
      <c r="Y16" s="134"/>
      <c r="Z16" s="207">
        <f>'別紙様式3-2（補助金）'!F5</f>
        <v>0</v>
      </c>
      <c r="AA16" s="207"/>
      <c r="AB16" s="207"/>
      <c r="AC16" s="207"/>
      <c r="AD16" s="207"/>
      <c r="AE16" s="207"/>
      <c r="AF16" s="207"/>
      <c r="AG16" s="213" t="s">
        <v>266</v>
      </c>
      <c r="AH16" s="213"/>
      <c r="AI16" s="218" t="str">
        <f>IF(G7="","",IF(SUM(Z17:AF18)&gt;=Z16,"○","×"))</f>
        <v/>
      </c>
      <c r="AJ16" s="234"/>
      <c r="AK16" s="243" t="s">
        <v>270</v>
      </c>
      <c r="AL16" s="243"/>
      <c r="AM16" s="243"/>
      <c r="AN16" s="243"/>
      <c r="AO16" s="243"/>
      <c r="AP16" s="243"/>
      <c r="AQ16" s="243"/>
      <c r="AR16" s="243"/>
      <c r="AS16" s="243"/>
      <c r="AT16" s="243"/>
      <c r="AU16" s="252"/>
    </row>
    <row r="17" spans="1:47" ht="19.5" customHeight="1">
      <c r="A17" s="134" t="s">
        <v>272</v>
      </c>
      <c r="B17" s="134"/>
      <c r="C17" s="134"/>
      <c r="D17" s="134"/>
      <c r="E17" s="134"/>
      <c r="F17" s="134"/>
      <c r="G17" s="134"/>
      <c r="H17" s="134"/>
      <c r="I17" s="134"/>
      <c r="J17" s="134"/>
      <c r="K17" s="134"/>
      <c r="L17" s="134"/>
      <c r="M17" s="134"/>
      <c r="N17" s="134"/>
      <c r="O17" s="134"/>
      <c r="P17" s="134"/>
      <c r="Q17" s="134"/>
      <c r="R17" s="134"/>
      <c r="S17" s="134"/>
      <c r="T17" s="134"/>
      <c r="U17" s="134"/>
      <c r="V17" s="134"/>
      <c r="W17" s="134"/>
      <c r="X17" s="134"/>
      <c r="Y17" s="134"/>
      <c r="Z17" s="208"/>
      <c r="AA17" s="208"/>
      <c r="AB17" s="208"/>
      <c r="AC17" s="208"/>
      <c r="AD17" s="208"/>
      <c r="AE17" s="208"/>
      <c r="AF17" s="208"/>
      <c r="AG17" s="214" t="s">
        <v>266</v>
      </c>
      <c r="AH17" s="214"/>
      <c r="AI17" s="123"/>
      <c r="AJ17" s="123"/>
    </row>
    <row r="18" spans="1:47" ht="19.5" customHeight="1">
      <c r="A18" s="135" t="s">
        <v>98</v>
      </c>
      <c r="B18" s="135"/>
      <c r="C18" s="135"/>
      <c r="D18" s="135"/>
      <c r="E18" s="135"/>
      <c r="F18" s="135"/>
      <c r="G18" s="135"/>
      <c r="H18" s="135"/>
      <c r="I18" s="135"/>
      <c r="J18" s="135"/>
      <c r="K18" s="135"/>
      <c r="L18" s="135"/>
      <c r="M18" s="135"/>
      <c r="N18" s="135"/>
      <c r="O18" s="135"/>
      <c r="P18" s="135"/>
      <c r="Q18" s="135"/>
      <c r="R18" s="135"/>
      <c r="S18" s="135"/>
      <c r="T18" s="135"/>
      <c r="U18" s="135"/>
      <c r="V18" s="135"/>
      <c r="W18" s="135"/>
      <c r="X18" s="135"/>
      <c r="Y18" s="135"/>
      <c r="Z18" s="209">
        <f>SUM(Z19:AF21)</f>
        <v>0</v>
      </c>
      <c r="AA18" s="209"/>
      <c r="AB18" s="209"/>
      <c r="AC18" s="209"/>
      <c r="AD18" s="209"/>
      <c r="AE18" s="209"/>
      <c r="AF18" s="209"/>
      <c r="AG18" s="214" t="s">
        <v>266</v>
      </c>
      <c r="AH18" s="214"/>
      <c r="AI18" s="219"/>
      <c r="AJ18" s="219"/>
      <c r="AK18" s="244"/>
      <c r="AL18" s="244"/>
      <c r="AT18" s="251"/>
    </row>
    <row r="19" spans="1:47" ht="19.5" customHeight="1">
      <c r="A19" s="136"/>
      <c r="B19" s="165"/>
      <c r="C19" s="165"/>
      <c r="D19" s="165"/>
      <c r="E19" s="165"/>
      <c r="F19" s="165"/>
      <c r="G19" s="165"/>
      <c r="H19" s="165"/>
      <c r="I19" s="165"/>
      <c r="J19" s="165"/>
      <c r="K19" s="165"/>
      <c r="L19" s="193" t="s">
        <v>279</v>
      </c>
      <c r="M19" s="193"/>
      <c r="N19" s="193"/>
      <c r="O19" s="193"/>
      <c r="P19" s="193"/>
      <c r="Q19" s="193"/>
      <c r="R19" s="193"/>
      <c r="S19" s="193"/>
      <c r="T19" s="193"/>
      <c r="U19" s="193"/>
      <c r="V19" s="193"/>
      <c r="W19" s="193"/>
      <c r="X19" s="193"/>
      <c r="Y19" s="194"/>
      <c r="Z19" s="208"/>
      <c r="AA19" s="211"/>
      <c r="AB19" s="211"/>
      <c r="AC19" s="211"/>
      <c r="AD19" s="211"/>
      <c r="AE19" s="211"/>
      <c r="AF19" s="211"/>
      <c r="AG19" s="214" t="s">
        <v>266</v>
      </c>
      <c r="AH19" s="214"/>
      <c r="AI19" s="219"/>
      <c r="AJ19" s="219"/>
      <c r="AK19" s="244"/>
      <c r="AL19" s="244"/>
      <c r="AO19" s="248"/>
      <c r="AP19" s="249"/>
      <c r="AT19" s="251"/>
    </row>
    <row r="20" spans="1:47" ht="19.5" customHeight="1">
      <c r="A20" s="136"/>
      <c r="B20" s="165"/>
      <c r="C20" s="165"/>
      <c r="D20" s="165"/>
      <c r="E20" s="165"/>
      <c r="F20" s="165"/>
      <c r="G20" s="165"/>
      <c r="H20" s="165"/>
      <c r="I20" s="165"/>
      <c r="J20" s="165"/>
      <c r="K20" s="165"/>
      <c r="L20" s="194" t="s">
        <v>281</v>
      </c>
      <c r="M20" s="194"/>
      <c r="N20" s="194"/>
      <c r="O20" s="194"/>
      <c r="P20" s="194"/>
      <c r="Q20" s="194"/>
      <c r="R20" s="194"/>
      <c r="S20" s="194"/>
      <c r="T20" s="194"/>
      <c r="U20" s="194"/>
      <c r="V20" s="194"/>
      <c r="W20" s="194"/>
      <c r="X20" s="194"/>
      <c r="Y20" s="194"/>
      <c r="Z20" s="208"/>
      <c r="AA20" s="208"/>
      <c r="AB20" s="208"/>
      <c r="AC20" s="208"/>
      <c r="AD20" s="208"/>
      <c r="AE20" s="208"/>
      <c r="AF20" s="208"/>
      <c r="AG20" s="214" t="s">
        <v>266</v>
      </c>
      <c r="AH20" s="214"/>
      <c r="AI20" s="219"/>
      <c r="AJ20" s="219"/>
      <c r="AK20" s="244"/>
      <c r="AL20" s="244"/>
      <c r="AT20" s="251"/>
    </row>
    <row r="21" spans="1:47" ht="19.5" customHeight="1">
      <c r="A21" s="137"/>
      <c r="B21" s="166"/>
      <c r="C21" s="166"/>
      <c r="D21" s="166"/>
      <c r="E21" s="166"/>
      <c r="F21" s="166"/>
      <c r="G21" s="166"/>
      <c r="H21" s="166"/>
      <c r="I21" s="166"/>
      <c r="J21" s="166"/>
      <c r="K21" s="166"/>
      <c r="L21" s="195" t="s">
        <v>282</v>
      </c>
      <c r="M21" s="195"/>
      <c r="N21" s="195"/>
      <c r="O21" s="195"/>
      <c r="P21" s="195"/>
      <c r="Q21" s="195"/>
      <c r="R21" s="195"/>
      <c r="S21" s="195"/>
      <c r="T21" s="195"/>
      <c r="U21" s="195"/>
      <c r="V21" s="195"/>
      <c r="W21" s="195"/>
      <c r="X21" s="195"/>
      <c r="Y21" s="195"/>
      <c r="Z21" s="208"/>
      <c r="AA21" s="208"/>
      <c r="AB21" s="208"/>
      <c r="AC21" s="208"/>
      <c r="AD21" s="208"/>
      <c r="AE21" s="208"/>
      <c r="AF21" s="208"/>
      <c r="AG21" s="214" t="s">
        <v>266</v>
      </c>
      <c r="AH21" s="214"/>
      <c r="AI21" s="219"/>
      <c r="AJ21" s="219"/>
      <c r="AK21" s="244"/>
      <c r="AL21" s="244"/>
      <c r="AT21" s="251"/>
    </row>
    <row r="22" spans="1:47" ht="17" customHeight="1">
      <c r="A22" s="138" t="s">
        <v>154</v>
      </c>
      <c r="B22" s="167"/>
      <c r="C22" s="141"/>
      <c r="D22" s="141"/>
      <c r="E22" s="141"/>
      <c r="F22" s="141"/>
      <c r="G22" s="141"/>
      <c r="H22" s="141"/>
      <c r="I22" s="141"/>
      <c r="J22" s="141"/>
      <c r="K22" s="141"/>
      <c r="L22" s="141"/>
      <c r="M22" s="141"/>
      <c r="N22" s="141"/>
      <c r="O22" s="141"/>
      <c r="P22" s="141"/>
      <c r="Q22" s="141"/>
      <c r="R22" s="141"/>
      <c r="S22" s="141"/>
      <c r="T22" s="141"/>
      <c r="U22" s="141"/>
      <c r="V22" s="141"/>
      <c r="W22" s="141"/>
      <c r="X22" s="141"/>
      <c r="Y22" s="141"/>
      <c r="Z22" s="210"/>
      <c r="AA22" s="141"/>
      <c r="AB22" s="141"/>
      <c r="AC22" s="141"/>
      <c r="AD22" s="141"/>
      <c r="AE22" s="141"/>
      <c r="AF22" s="141"/>
      <c r="AG22" s="141"/>
      <c r="AH22" s="141"/>
      <c r="AI22" s="141"/>
      <c r="AJ22" s="219"/>
      <c r="AK22" s="244"/>
      <c r="AL22" s="244"/>
      <c r="AT22" s="251"/>
    </row>
    <row r="23" spans="1:47" ht="19.5" customHeight="1">
      <c r="A23" s="139" t="s">
        <v>293</v>
      </c>
      <c r="B23" s="139"/>
      <c r="C23" s="139"/>
      <c r="D23" s="139"/>
      <c r="E23" s="139"/>
      <c r="F23" s="139"/>
      <c r="G23" s="139"/>
      <c r="H23" s="139"/>
      <c r="I23" s="139"/>
      <c r="J23" s="139"/>
      <c r="K23" s="139"/>
      <c r="L23" s="139"/>
      <c r="M23" s="197"/>
      <c r="N23" s="197"/>
      <c r="O23" s="197"/>
      <c r="P23" s="197"/>
      <c r="Q23" s="197"/>
      <c r="R23" s="197"/>
      <c r="S23" s="197"/>
      <c r="T23" s="197"/>
      <c r="U23" s="197"/>
      <c r="V23" s="197"/>
      <c r="W23" s="197"/>
      <c r="X23" s="197"/>
      <c r="Y23" s="197"/>
      <c r="Z23" s="197"/>
      <c r="AA23" s="197"/>
      <c r="AB23" s="197"/>
      <c r="AC23" s="197"/>
      <c r="AD23" s="197"/>
      <c r="AE23" s="197"/>
      <c r="AF23" s="197"/>
      <c r="AG23" s="197"/>
      <c r="AH23" s="197"/>
      <c r="AI23" s="220" t="str">
        <f>IF(G7="","",IF(AND(Z21&gt;0,A24=""),"×","○"))</f>
        <v/>
      </c>
      <c r="AJ23" s="219"/>
      <c r="AK23" s="244"/>
      <c r="AL23" s="244"/>
      <c r="AT23" s="251"/>
    </row>
    <row r="24" spans="1:47" ht="31.25" customHeight="1">
      <c r="A24" s="140"/>
      <c r="B24" s="140"/>
      <c r="C24" s="140"/>
      <c r="D24" s="140"/>
      <c r="E24" s="140"/>
      <c r="F24" s="140"/>
      <c r="G24" s="140"/>
      <c r="H24" s="140"/>
      <c r="I24" s="140"/>
      <c r="J24" s="140"/>
      <c r="K24" s="140"/>
      <c r="L24" s="140"/>
      <c r="M24" s="140"/>
      <c r="N24" s="140"/>
      <c r="O24" s="140"/>
      <c r="P24" s="140"/>
      <c r="Q24" s="140"/>
      <c r="R24" s="140"/>
      <c r="S24" s="140"/>
      <c r="T24" s="140"/>
      <c r="U24" s="140"/>
      <c r="V24" s="140"/>
      <c r="W24" s="140"/>
      <c r="X24" s="140"/>
      <c r="Y24" s="140"/>
      <c r="Z24" s="140"/>
      <c r="AA24" s="140"/>
      <c r="AB24" s="140"/>
      <c r="AC24" s="140"/>
      <c r="AD24" s="140"/>
      <c r="AE24" s="140"/>
      <c r="AF24" s="140"/>
      <c r="AG24" s="140"/>
      <c r="AH24" s="140"/>
      <c r="AI24" s="221"/>
      <c r="AJ24" s="234"/>
      <c r="AK24" s="245" t="s">
        <v>295</v>
      </c>
      <c r="AL24" s="247"/>
      <c r="AM24" s="247"/>
      <c r="AN24" s="247"/>
      <c r="AO24" s="247"/>
      <c r="AP24" s="247"/>
      <c r="AQ24" s="247"/>
      <c r="AR24" s="247"/>
      <c r="AS24" s="247"/>
      <c r="AT24" s="247"/>
      <c r="AU24" s="253"/>
    </row>
    <row r="25" spans="1:47" s="120" customFormat="1" ht="114.65" customHeight="1">
      <c r="A25" s="141" t="s">
        <v>1957</v>
      </c>
      <c r="B25" s="141"/>
      <c r="C25" s="141"/>
      <c r="D25" s="141"/>
      <c r="E25" s="141"/>
      <c r="F25" s="141"/>
      <c r="G25" s="141"/>
      <c r="H25" s="141"/>
      <c r="I25" s="141"/>
      <c r="J25" s="141"/>
      <c r="K25" s="141"/>
      <c r="L25" s="141"/>
      <c r="M25" s="141"/>
      <c r="N25" s="141"/>
      <c r="O25" s="141"/>
      <c r="P25" s="141"/>
      <c r="Q25" s="141"/>
      <c r="R25" s="141"/>
      <c r="S25" s="141"/>
      <c r="T25" s="141"/>
      <c r="U25" s="141"/>
      <c r="V25" s="141"/>
      <c r="W25" s="141"/>
      <c r="X25" s="141"/>
      <c r="Y25" s="141"/>
      <c r="Z25" s="141"/>
      <c r="AA25" s="141"/>
      <c r="AB25" s="141"/>
      <c r="AC25" s="141"/>
      <c r="AD25" s="141"/>
      <c r="AE25" s="141"/>
      <c r="AF25" s="141"/>
      <c r="AG25" s="141"/>
      <c r="AH25" s="141"/>
      <c r="AI25" s="141"/>
      <c r="AJ25" s="141"/>
      <c r="AM25" s="155"/>
      <c r="AT25" s="250"/>
    </row>
    <row r="26" spans="1:47" s="120" customFormat="1" ht="7.5" customHeight="1">
      <c r="A26" s="142"/>
      <c r="B26" s="167"/>
      <c r="C26" s="167"/>
      <c r="D26" s="167"/>
      <c r="E26" s="167"/>
      <c r="F26" s="167"/>
      <c r="G26" s="167"/>
      <c r="H26" s="167"/>
      <c r="I26" s="167"/>
      <c r="J26" s="167"/>
      <c r="K26" s="167"/>
      <c r="L26" s="167"/>
      <c r="M26" s="167"/>
      <c r="N26" s="167"/>
      <c r="O26" s="167"/>
      <c r="P26" s="167"/>
      <c r="Q26" s="167"/>
      <c r="R26" s="167"/>
      <c r="S26" s="167"/>
      <c r="T26" s="167"/>
      <c r="U26" s="167"/>
      <c r="V26" s="167"/>
      <c r="W26" s="167"/>
      <c r="X26" s="167"/>
      <c r="Y26" s="167"/>
      <c r="Z26" s="167"/>
      <c r="AA26" s="167"/>
      <c r="AB26" s="167"/>
      <c r="AC26" s="167"/>
      <c r="AD26" s="167"/>
      <c r="AE26" s="167"/>
      <c r="AF26" s="167"/>
      <c r="AG26" s="167"/>
      <c r="AH26" s="167"/>
      <c r="AI26" s="167"/>
      <c r="AJ26" s="235"/>
    </row>
    <row r="27" spans="1:47" ht="15" customHeight="1">
      <c r="A27" s="143" t="s">
        <v>296</v>
      </c>
      <c r="B27" s="143"/>
      <c r="C27" s="143"/>
      <c r="D27" s="143"/>
      <c r="E27" s="143"/>
      <c r="F27" s="143"/>
      <c r="G27" s="143"/>
      <c r="H27" s="143"/>
      <c r="I27" s="143"/>
      <c r="J27" s="143"/>
      <c r="K27" s="143"/>
      <c r="L27" s="143"/>
      <c r="M27" s="143"/>
      <c r="N27" s="143"/>
      <c r="O27" s="143"/>
      <c r="P27" s="143"/>
      <c r="Q27" s="143"/>
      <c r="R27" s="143"/>
      <c r="S27" s="143"/>
      <c r="T27" s="143"/>
      <c r="U27" s="143"/>
      <c r="V27" s="143"/>
      <c r="W27" s="143"/>
      <c r="X27" s="143"/>
      <c r="Y27" s="143"/>
      <c r="Z27" s="143"/>
      <c r="AA27" s="143"/>
      <c r="AB27" s="143"/>
      <c r="AC27" s="143"/>
      <c r="AD27" s="143"/>
      <c r="AE27" s="143"/>
      <c r="AF27" s="143"/>
      <c r="AG27" s="143"/>
      <c r="AH27" s="143"/>
      <c r="AI27" s="143"/>
      <c r="AJ27" s="143"/>
    </row>
    <row r="28" spans="1:47" ht="18.75" customHeight="1">
      <c r="A28" s="144"/>
      <c r="B28" s="168" t="s">
        <v>299</v>
      </c>
      <c r="C28" s="177"/>
      <c r="D28" s="177"/>
      <c r="E28" s="177"/>
      <c r="F28" s="177"/>
      <c r="G28" s="177"/>
      <c r="H28" s="177"/>
      <c r="I28" s="177"/>
      <c r="J28" s="177"/>
      <c r="K28" s="177"/>
      <c r="L28" s="177"/>
      <c r="M28" s="177"/>
      <c r="N28" s="177"/>
      <c r="O28" s="177"/>
      <c r="P28" s="177"/>
      <c r="Q28" s="177"/>
      <c r="R28" s="177"/>
      <c r="S28" s="177"/>
      <c r="T28" s="177"/>
      <c r="U28" s="177"/>
      <c r="V28" s="177"/>
      <c r="W28" s="177"/>
      <c r="X28" s="177"/>
      <c r="Y28" s="177"/>
      <c r="Z28" s="177"/>
      <c r="AA28" s="177"/>
      <c r="AB28" s="177"/>
      <c r="AC28" s="177"/>
      <c r="AD28" s="177"/>
      <c r="AE28" s="177"/>
      <c r="AF28" s="177"/>
      <c r="AG28" s="177"/>
      <c r="AH28" s="216"/>
      <c r="AI28" s="218" t="str">
        <f>IF(Z17=0,"",IF(A28="","×","○"))</f>
        <v/>
      </c>
    </row>
    <row r="29" spans="1:47" ht="36.65" customHeight="1">
      <c r="A29" s="141" t="s">
        <v>303</v>
      </c>
      <c r="B29" s="141"/>
      <c r="C29" s="141"/>
      <c r="D29" s="141"/>
      <c r="E29" s="141"/>
      <c r="F29" s="141"/>
      <c r="G29" s="141"/>
      <c r="H29" s="141"/>
      <c r="I29" s="141"/>
      <c r="J29" s="141"/>
      <c r="K29" s="141"/>
      <c r="L29" s="141"/>
      <c r="M29" s="141"/>
      <c r="N29" s="141"/>
      <c r="O29" s="141"/>
      <c r="P29" s="141"/>
      <c r="Q29" s="141"/>
      <c r="R29" s="141"/>
      <c r="S29" s="141"/>
      <c r="T29" s="141"/>
      <c r="U29" s="141"/>
      <c r="V29" s="141"/>
      <c r="W29" s="141"/>
      <c r="X29" s="141"/>
      <c r="Y29" s="141"/>
      <c r="Z29" s="141"/>
      <c r="AA29" s="141"/>
      <c r="AB29" s="141"/>
      <c r="AC29" s="141"/>
      <c r="AD29" s="141"/>
      <c r="AE29" s="141"/>
      <c r="AF29" s="141"/>
      <c r="AG29" s="141"/>
      <c r="AH29" s="141"/>
      <c r="AI29" s="141"/>
      <c r="AJ29" s="170"/>
    </row>
    <row r="30" spans="1:47" ht="15" customHeight="1">
      <c r="A30" s="145" t="s">
        <v>308</v>
      </c>
      <c r="B30" s="141"/>
      <c r="C30" s="141"/>
      <c r="D30" s="141"/>
      <c r="E30" s="141"/>
      <c r="F30" s="141"/>
      <c r="G30" s="141"/>
      <c r="H30" s="141"/>
      <c r="I30" s="141"/>
      <c r="J30" s="141"/>
      <c r="K30" s="141"/>
      <c r="L30" s="141"/>
      <c r="M30" s="141"/>
      <c r="N30" s="141"/>
      <c r="O30" s="141"/>
      <c r="P30" s="141"/>
      <c r="Q30" s="141"/>
      <c r="R30" s="141"/>
      <c r="S30" s="141"/>
      <c r="T30" s="141"/>
      <c r="U30" s="141"/>
      <c r="V30" s="141"/>
      <c r="W30" s="141"/>
      <c r="X30" s="141"/>
      <c r="Y30" s="141"/>
      <c r="Z30" s="141"/>
      <c r="AA30" s="141"/>
      <c r="AB30" s="141"/>
      <c r="AC30" s="141"/>
      <c r="AD30" s="141"/>
      <c r="AE30" s="141"/>
      <c r="AF30" s="141"/>
      <c r="AG30" s="141"/>
      <c r="AH30" s="141"/>
      <c r="AI30" s="141"/>
      <c r="AJ30" s="170"/>
    </row>
    <row r="31" spans="1:47" ht="20" customHeight="1">
      <c r="A31" s="146"/>
      <c r="B31" s="146"/>
      <c r="C31" s="146"/>
      <c r="D31" s="146"/>
      <c r="E31" s="146"/>
      <c r="F31" s="146"/>
      <c r="G31" s="146"/>
      <c r="H31" s="146"/>
      <c r="I31" s="146"/>
      <c r="J31" s="146"/>
      <c r="K31" s="146"/>
      <c r="L31" s="146"/>
      <c r="M31" s="146"/>
      <c r="N31" s="146"/>
      <c r="O31" s="146"/>
      <c r="P31" s="146"/>
      <c r="Q31" s="146"/>
      <c r="R31" s="146"/>
      <c r="S31" s="146"/>
      <c r="T31" s="146"/>
      <c r="U31" s="146"/>
      <c r="V31" s="146"/>
      <c r="W31" s="146"/>
      <c r="X31" s="146"/>
      <c r="Y31" s="146"/>
      <c r="Z31" s="146"/>
      <c r="AA31" s="146"/>
      <c r="AB31" s="146"/>
      <c r="AC31" s="146"/>
      <c r="AD31" s="146"/>
      <c r="AE31" s="146"/>
      <c r="AF31" s="146"/>
      <c r="AG31" s="146"/>
      <c r="AH31" s="146"/>
      <c r="AI31" s="222"/>
      <c r="AJ31" s="170"/>
    </row>
    <row r="32" spans="1:47" s="120" customFormat="1" ht="7.5" customHeight="1">
      <c r="A32" s="132"/>
      <c r="B32" s="155"/>
      <c r="C32" s="132"/>
      <c r="D32" s="132"/>
      <c r="E32" s="132"/>
      <c r="F32" s="132"/>
      <c r="G32" s="132"/>
      <c r="H32" s="132"/>
      <c r="I32" s="132"/>
      <c r="J32" s="132"/>
      <c r="K32" s="191"/>
      <c r="L32" s="191"/>
      <c r="M32" s="191"/>
      <c r="N32" s="191"/>
      <c r="O32" s="191"/>
      <c r="P32" s="191"/>
      <c r="Q32" s="191"/>
      <c r="R32" s="191"/>
      <c r="S32" s="203"/>
      <c r="T32" s="203"/>
      <c r="U32" s="203"/>
      <c r="V32" s="203"/>
      <c r="W32" s="203"/>
      <c r="X32" s="203"/>
      <c r="Y32" s="203"/>
      <c r="Z32" s="203"/>
      <c r="AA32" s="203"/>
      <c r="AB32" s="203"/>
      <c r="AC32" s="203"/>
      <c r="AD32" s="203"/>
      <c r="AE32" s="203"/>
      <c r="AF32" s="203"/>
      <c r="AG32" s="215"/>
      <c r="AH32" s="215"/>
      <c r="AI32" s="223"/>
      <c r="AJ32" s="223"/>
      <c r="AT32" s="250"/>
    </row>
    <row r="33" spans="1:47" ht="18.75" customHeight="1">
      <c r="A33" s="143" t="s">
        <v>311</v>
      </c>
      <c r="B33" s="143"/>
      <c r="C33" s="143"/>
      <c r="D33" s="143"/>
      <c r="E33" s="143"/>
      <c r="F33" s="143"/>
      <c r="G33" s="143"/>
      <c r="H33" s="143"/>
      <c r="I33" s="143"/>
      <c r="J33" s="143"/>
      <c r="K33" s="143"/>
      <c r="L33" s="143"/>
      <c r="M33" s="143"/>
      <c r="N33" s="143"/>
      <c r="O33" s="143"/>
      <c r="P33" s="143"/>
      <c r="Q33" s="143"/>
      <c r="R33" s="143"/>
      <c r="S33" s="143"/>
      <c r="T33" s="143"/>
      <c r="U33" s="143"/>
      <c r="V33" s="143"/>
      <c r="W33" s="143"/>
      <c r="X33" s="143"/>
      <c r="Y33" s="143"/>
      <c r="Z33" s="143"/>
      <c r="AA33" s="143"/>
      <c r="AB33" s="143"/>
      <c r="AC33" s="143"/>
      <c r="AD33" s="143"/>
      <c r="AE33" s="143"/>
      <c r="AF33" s="143"/>
      <c r="AG33" s="143"/>
      <c r="AH33" s="143"/>
      <c r="AI33" s="143"/>
      <c r="AJ33" s="143"/>
    </row>
    <row r="34" spans="1:47" ht="41" customHeight="1">
      <c r="A34" s="144"/>
      <c r="B34" s="168" t="s">
        <v>313</v>
      </c>
      <c r="C34" s="177"/>
      <c r="D34" s="177"/>
      <c r="E34" s="177"/>
      <c r="F34" s="177"/>
      <c r="G34" s="177"/>
      <c r="H34" s="177"/>
      <c r="I34" s="177"/>
      <c r="J34" s="177"/>
      <c r="K34" s="177"/>
      <c r="L34" s="177"/>
      <c r="M34" s="177"/>
      <c r="N34" s="177"/>
      <c r="O34" s="177"/>
      <c r="P34" s="177"/>
      <c r="Q34" s="177"/>
      <c r="R34" s="177"/>
      <c r="S34" s="177"/>
      <c r="T34" s="177"/>
      <c r="U34" s="177"/>
      <c r="V34" s="177"/>
      <c r="W34" s="177"/>
      <c r="X34" s="177"/>
      <c r="Y34" s="177"/>
      <c r="Z34" s="177"/>
      <c r="AA34" s="177"/>
      <c r="AB34" s="177"/>
      <c r="AC34" s="177"/>
      <c r="AD34" s="177"/>
      <c r="AE34" s="177"/>
      <c r="AF34" s="177"/>
      <c r="AG34" s="177"/>
      <c r="AH34" s="216"/>
      <c r="AI34" s="218" t="str">
        <f>IF(Z18=0,"",IF(A34="","×","○"))</f>
        <v/>
      </c>
    </row>
    <row r="35" spans="1:47" s="120" customFormat="1" ht="7.5" customHeight="1">
      <c r="A35" s="132"/>
      <c r="B35" s="155"/>
      <c r="C35" s="132"/>
      <c r="D35" s="132"/>
      <c r="E35" s="132"/>
      <c r="F35" s="132"/>
      <c r="G35" s="132"/>
      <c r="H35" s="132"/>
      <c r="I35" s="132"/>
      <c r="J35" s="132"/>
      <c r="K35" s="191"/>
      <c r="L35" s="191"/>
      <c r="M35" s="191"/>
      <c r="N35" s="191"/>
      <c r="O35" s="191"/>
      <c r="P35" s="191"/>
      <c r="Q35" s="191"/>
      <c r="R35" s="191"/>
      <c r="S35" s="203"/>
      <c r="T35" s="203"/>
      <c r="U35" s="203"/>
      <c r="V35" s="203"/>
      <c r="W35" s="203"/>
      <c r="X35" s="203"/>
      <c r="Y35" s="203"/>
      <c r="Z35" s="203"/>
      <c r="AA35" s="203"/>
      <c r="AB35" s="203"/>
      <c r="AC35" s="203"/>
      <c r="AD35" s="203"/>
      <c r="AE35" s="203"/>
      <c r="AF35" s="203"/>
      <c r="AG35" s="215"/>
      <c r="AH35" s="215"/>
      <c r="AI35" s="223"/>
      <c r="AJ35" s="223"/>
      <c r="AT35" s="250"/>
    </row>
    <row r="36" spans="1:47" ht="18.75" customHeight="1">
      <c r="A36" s="147" t="s">
        <v>317</v>
      </c>
      <c r="B36" s="147"/>
      <c r="C36" s="147"/>
      <c r="D36" s="147"/>
      <c r="E36" s="147"/>
      <c r="F36" s="147"/>
      <c r="G36" s="147"/>
      <c r="H36" s="147"/>
      <c r="I36" s="147"/>
      <c r="J36" s="147"/>
      <c r="K36" s="147"/>
      <c r="L36" s="147"/>
      <c r="M36" s="147"/>
      <c r="N36" s="147"/>
      <c r="O36" s="147"/>
      <c r="P36" s="147"/>
      <c r="Q36" s="147"/>
      <c r="R36" s="147"/>
      <c r="S36" s="147"/>
      <c r="T36" s="147"/>
      <c r="U36" s="147"/>
      <c r="V36" s="147"/>
      <c r="W36" s="147"/>
      <c r="X36" s="147"/>
      <c r="Y36" s="147"/>
      <c r="Z36" s="147"/>
      <c r="AA36" s="147"/>
      <c r="AB36" s="147"/>
      <c r="AC36" s="147"/>
      <c r="AD36" s="147"/>
      <c r="AE36" s="147"/>
      <c r="AF36" s="147"/>
      <c r="AG36" s="147"/>
      <c r="AH36" s="147"/>
      <c r="AI36" s="218" t="str">
        <f>IF(G7="","",IF(AND(B38="✓",AND(G40&lt;&gt;"",J40&lt;&gt;"",Q40&lt;&gt;"",S41&lt;&gt;"",Z41&lt;&gt;"")),"○","×"))</f>
        <v/>
      </c>
      <c r="AJ36" s="236"/>
      <c r="AK36" s="246" t="s">
        <v>321</v>
      </c>
      <c r="AL36" s="246"/>
      <c r="AM36" s="246"/>
      <c r="AN36" s="246"/>
      <c r="AO36" s="246"/>
      <c r="AP36" s="246"/>
      <c r="AQ36" s="246"/>
      <c r="AR36" s="246"/>
      <c r="AS36" s="246"/>
      <c r="AT36" s="246"/>
      <c r="AU36" s="246"/>
    </row>
    <row r="37" spans="1:47" ht="6.75" customHeight="1">
      <c r="A37" s="148"/>
      <c r="B37" s="169"/>
      <c r="C37" s="169"/>
      <c r="D37" s="169"/>
      <c r="E37" s="169"/>
      <c r="F37" s="169"/>
      <c r="G37" s="169"/>
      <c r="H37" s="169"/>
      <c r="I37" s="169"/>
      <c r="J37" s="169"/>
      <c r="K37" s="169"/>
      <c r="L37" s="169"/>
      <c r="M37" s="169"/>
      <c r="N37" s="169"/>
      <c r="O37" s="169"/>
      <c r="P37" s="169"/>
      <c r="Q37" s="169"/>
      <c r="R37" s="169"/>
      <c r="S37" s="169"/>
      <c r="T37" s="169"/>
      <c r="U37" s="169"/>
      <c r="V37" s="169"/>
      <c r="W37" s="169"/>
      <c r="X37" s="169"/>
      <c r="Y37" s="169"/>
      <c r="Z37" s="169"/>
      <c r="AA37" s="169"/>
      <c r="AB37" s="169"/>
      <c r="AC37" s="169"/>
      <c r="AD37" s="169"/>
      <c r="AE37" s="169"/>
      <c r="AF37" s="169"/>
      <c r="AG37" s="169"/>
      <c r="AH37" s="169"/>
      <c r="AI37" s="224"/>
      <c r="AJ37" s="123"/>
      <c r="AT37" s="251"/>
    </row>
    <row r="38" spans="1:47" ht="29.4" customHeight="1">
      <c r="A38" s="149" t="s">
        <v>166</v>
      </c>
      <c r="B38" s="144"/>
      <c r="C38" s="178"/>
      <c r="D38" s="180" t="s">
        <v>324</v>
      </c>
      <c r="E38" s="180"/>
      <c r="F38" s="180"/>
      <c r="G38" s="180"/>
      <c r="H38" s="180"/>
      <c r="I38" s="180"/>
      <c r="J38" s="180"/>
      <c r="K38" s="180"/>
      <c r="L38" s="180"/>
      <c r="M38" s="180"/>
      <c r="N38" s="180"/>
      <c r="O38" s="180"/>
      <c r="P38" s="180"/>
      <c r="Q38" s="180"/>
      <c r="R38" s="180"/>
      <c r="S38" s="180"/>
      <c r="T38" s="180"/>
      <c r="U38" s="180"/>
      <c r="V38" s="180"/>
      <c r="W38" s="180"/>
      <c r="X38" s="180"/>
      <c r="Y38" s="180"/>
      <c r="Z38" s="180"/>
      <c r="AA38" s="180"/>
      <c r="AB38" s="180"/>
      <c r="AC38" s="180"/>
      <c r="AD38" s="180"/>
      <c r="AE38" s="180"/>
      <c r="AF38" s="180"/>
      <c r="AG38" s="180"/>
      <c r="AH38" s="180"/>
      <c r="AI38" s="225"/>
      <c r="AJ38" s="178"/>
    </row>
    <row r="39" spans="1:47" ht="7.5" customHeight="1">
      <c r="A39" s="149"/>
      <c r="B39" s="170"/>
      <c r="C39" s="178"/>
      <c r="D39" s="178"/>
      <c r="E39" s="178"/>
      <c r="F39" s="178"/>
      <c r="G39" s="178"/>
      <c r="H39" s="178"/>
      <c r="I39" s="178"/>
      <c r="J39" s="178"/>
      <c r="K39" s="178"/>
      <c r="L39" s="178"/>
      <c r="M39" s="178"/>
      <c r="N39" s="178"/>
      <c r="O39" s="178"/>
      <c r="P39" s="178"/>
      <c r="Q39" s="178"/>
      <c r="R39" s="178"/>
      <c r="S39" s="178"/>
      <c r="T39" s="178"/>
      <c r="U39" s="178"/>
      <c r="V39" s="178"/>
      <c r="W39" s="178"/>
      <c r="X39" s="178"/>
      <c r="Y39" s="178"/>
      <c r="Z39" s="178"/>
      <c r="AA39" s="178"/>
      <c r="AB39" s="178"/>
      <c r="AC39" s="178"/>
      <c r="AD39" s="178"/>
      <c r="AE39" s="178"/>
      <c r="AF39" s="178"/>
      <c r="AG39" s="178"/>
      <c r="AH39" s="178"/>
      <c r="AI39" s="225"/>
      <c r="AJ39" s="178"/>
    </row>
    <row r="40" spans="1:47" s="121" customFormat="1" ht="14" customHeight="1">
      <c r="A40" s="150"/>
      <c r="B40" s="171" t="s">
        <v>325</v>
      </c>
      <c r="C40" s="171"/>
      <c r="D40" s="181">
        <v>7</v>
      </c>
      <c r="E40" s="181"/>
      <c r="F40" s="171" t="s">
        <v>330</v>
      </c>
      <c r="G40" s="187"/>
      <c r="H40" s="189"/>
      <c r="I40" s="171" t="s">
        <v>339</v>
      </c>
      <c r="J40" s="187"/>
      <c r="K40" s="189"/>
      <c r="L40" s="171" t="s">
        <v>341</v>
      </c>
      <c r="M40" s="198"/>
      <c r="N40" s="181" t="s">
        <v>4</v>
      </c>
      <c r="O40" s="181"/>
      <c r="P40" s="181"/>
      <c r="Q40" s="201" t="str">
        <f>IF(基本情報入力シート!M23="","",基本情報入力シート!M23)</f>
        <v/>
      </c>
      <c r="R40" s="201"/>
      <c r="S40" s="201"/>
      <c r="T40" s="201"/>
      <c r="U40" s="201"/>
      <c r="V40" s="201"/>
      <c r="W40" s="201"/>
      <c r="X40" s="201"/>
      <c r="Y40" s="201"/>
      <c r="Z40" s="201"/>
      <c r="AA40" s="201"/>
      <c r="AB40" s="201"/>
      <c r="AC40" s="201"/>
      <c r="AD40" s="201"/>
      <c r="AE40" s="201"/>
      <c r="AF40" s="201"/>
      <c r="AG40" s="201"/>
      <c r="AH40" s="201"/>
      <c r="AI40" s="226"/>
      <c r="AJ40" s="237"/>
    </row>
    <row r="41" spans="1:47" s="121" customFormat="1" ht="15.65" customHeight="1">
      <c r="A41" s="150"/>
      <c r="B41" s="172"/>
      <c r="C41" s="171"/>
      <c r="D41" s="171"/>
      <c r="E41" s="171"/>
      <c r="F41" s="171"/>
      <c r="G41" s="171"/>
      <c r="H41" s="171"/>
      <c r="I41" s="171"/>
      <c r="J41" s="171"/>
      <c r="K41" s="171"/>
      <c r="L41" s="171"/>
      <c r="M41" s="171"/>
      <c r="N41" s="200" t="s">
        <v>343</v>
      </c>
      <c r="O41" s="200"/>
      <c r="P41" s="200"/>
      <c r="Q41" s="202" t="s">
        <v>67</v>
      </c>
      <c r="R41" s="202"/>
      <c r="S41" s="204" t="str">
        <f>IF(基本情報入力シート!M27="","",基本情報入力シート!M27)</f>
        <v/>
      </c>
      <c r="T41" s="204"/>
      <c r="U41" s="204"/>
      <c r="V41" s="204"/>
      <c r="W41" s="204"/>
      <c r="X41" s="205" t="s">
        <v>94</v>
      </c>
      <c r="Y41" s="205"/>
      <c r="Z41" s="204" t="str">
        <f>IF(基本情報入力シート!M28="","",基本情報入力シート!M28)</f>
        <v/>
      </c>
      <c r="AA41" s="204"/>
      <c r="AB41" s="204"/>
      <c r="AC41" s="204"/>
      <c r="AD41" s="204"/>
      <c r="AE41" s="204"/>
      <c r="AF41" s="204"/>
      <c r="AG41" s="204"/>
      <c r="AH41" s="204"/>
      <c r="AI41" s="227"/>
      <c r="AJ41" s="237"/>
    </row>
    <row r="42" spans="1:47" ht="7.5" customHeight="1">
      <c r="A42" s="151"/>
      <c r="B42" s="173"/>
      <c r="C42" s="179"/>
      <c r="D42" s="179"/>
      <c r="E42" s="179"/>
      <c r="F42" s="179"/>
      <c r="G42" s="179"/>
      <c r="H42" s="179"/>
      <c r="I42" s="179"/>
      <c r="J42" s="179"/>
      <c r="K42" s="179"/>
      <c r="L42" s="179"/>
      <c r="M42" s="179"/>
      <c r="N42" s="179"/>
      <c r="O42" s="179"/>
      <c r="P42" s="179"/>
      <c r="Q42" s="179"/>
      <c r="R42" s="179"/>
      <c r="S42" s="179"/>
      <c r="T42" s="179"/>
      <c r="U42" s="179"/>
      <c r="V42" s="179"/>
      <c r="W42" s="179"/>
      <c r="X42" s="179"/>
      <c r="Y42" s="179"/>
      <c r="Z42" s="179"/>
      <c r="AA42" s="179"/>
      <c r="AB42" s="179"/>
      <c r="AC42" s="179"/>
      <c r="AD42" s="179"/>
      <c r="AE42" s="179"/>
      <c r="AF42" s="179"/>
      <c r="AG42" s="179"/>
      <c r="AH42" s="179"/>
      <c r="AI42" s="228"/>
      <c r="AJ42" s="123"/>
    </row>
    <row r="43" spans="1:47" ht="34.25" customHeight="1">
      <c r="A43" s="152" t="s">
        <v>345</v>
      </c>
      <c r="B43" s="152"/>
      <c r="C43" s="152"/>
      <c r="D43" s="152"/>
      <c r="E43" s="152"/>
      <c r="F43" s="152"/>
      <c r="G43" s="152"/>
      <c r="H43" s="152"/>
      <c r="I43" s="152"/>
      <c r="J43" s="152"/>
      <c r="K43" s="152"/>
      <c r="L43" s="152"/>
      <c r="M43" s="152"/>
      <c r="N43" s="152"/>
      <c r="O43" s="152"/>
      <c r="P43" s="152"/>
      <c r="Q43" s="152"/>
      <c r="R43" s="152"/>
      <c r="S43" s="152"/>
      <c r="T43" s="152"/>
      <c r="U43" s="152"/>
      <c r="V43" s="152"/>
      <c r="W43" s="152"/>
      <c r="X43" s="152"/>
      <c r="Y43" s="152"/>
      <c r="Z43" s="152"/>
      <c r="AA43" s="152"/>
      <c r="AB43" s="152"/>
      <c r="AC43" s="152"/>
      <c r="AD43" s="152"/>
      <c r="AE43" s="152"/>
      <c r="AF43" s="152"/>
      <c r="AG43" s="152"/>
      <c r="AH43" s="152"/>
      <c r="AI43" s="152"/>
      <c r="AJ43" s="238"/>
    </row>
    <row r="44" spans="1:47" ht="6.75" customHeight="1">
      <c r="A44" s="153"/>
      <c r="B44" s="153"/>
      <c r="C44" s="153"/>
      <c r="D44" s="153"/>
      <c r="E44" s="153"/>
      <c r="F44" s="153"/>
      <c r="G44" s="153"/>
      <c r="H44" s="153"/>
      <c r="I44" s="153"/>
      <c r="J44" s="153"/>
      <c r="K44" s="153"/>
      <c r="L44" s="153"/>
      <c r="M44" s="153"/>
      <c r="N44" s="153"/>
      <c r="O44" s="153"/>
      <c r="P44" s="153"/>
      <c r="Q44" s="153"/>
      <c r="R44" s="153"/>
      <c r="S44" s="153"/>
      <c r="T44" s="153"/>
      <c r="U44" s="153"/>
      <c r="V44" s="153"/>
      <c r="W44" s="153"/>
      <c r="X44" s="153"/>
      <c r="Y44" s="153"/>
      <c r="Z44" s="153"/>
      <c r="AA44" s="153"/>
      <c r="AB44" s="153"/>
      <c r="AC44" s="153"/>
      <c r="AD44" s="153"/>
      <c r="AE44" s="153"/>
      <c r="AF44" s="153"/>
      <c r="AG44" s="153"/>
      <c r="AH44" s="153"/>
      <c r="AI44" s="153"/>
      <c r="AJ44" s="153"/>
    </row>
    <row r="45" spans="1:47" ht="14.25">
      <c r="A45" s="154" t="s">
        <v>92</v>
      </c>
      <c r="B45" s="174"/>
      <c r="C45" s="155"/>
      <c r="D45" s="155"/>
      <c r="E45" s="122"/>
      <c r="F45" s="123"/>
      <c r="G45" s="123"/>
      <c r="H45" s="123"/>
      <c r="I45" s="123"/>
      <c r="J45" s="123"/>
      <c r="K45" s="123"/>
      <c r="L45" s="123"/>
      <c r="M45" s="123"/>
      <c r="N45" s="123"/>
      <c r="O45" s="123"/>
      <c r="P45" s="123"/>
      <c r="Q45" s="123"/>
      <c r="R45" s="123"/>
      <c r="S45" s="123"/>
      <c r="T45" s="123"/>
      <c r="U45" s="123"/>
      <c r="V45" s="123"/>
      <c r="W45" s="123"/>
      <c r="X45" s="123"/>
      <c r="Y45" s="123"/>
      <c r="Z45" s="123"/>
      <c r="AA45" s="123"/>
      <c r="AB45" s="123"/>
      <c r="AC45" s="123"/>
      <c r="AD45" s="123"/>
      <c r="AE45" s="123"/>
      <c r="AF45" s="123"/>
      <c r="AG45" s="123"/>
      <c r="AH45" s="123"/>
      <c r="AI45" s="123"/>
      <c r="AJ45" s="123"/>
    </row>
    <row r="46" spans="1:47">
      <c r="A46" s="155" t="s">
        <v>348</v>
      </c>
      <c r="B46" s="123"/>
      <c r="C46" s="123"/>
      <c r="D46" s="123"/>
      <c r="E46" s="123"/>
      <c r="F46" s="123"/>
      <c r="G46" s="123"/>
      <c r="H46" s="123"/>
      <c r="I46" s="123"/>
      <c r="J46" s="123"/>
      <c r="K46" s="123"/>
      <c r="L46" s="123"/>
      <c r="M46" s="123"/>
      <c r="N46" s="123"/>
      <c r="O46" s="123"/>
      <c r="P46" s="123"/>
      <c r="Q46" s="123"/>
      <c r="R46" s="123"/>
      <c r="S46" s="123"/>
      <c r="T46" s="123"/>
      <c r="U46" s="123"/>
      <c r="V46" s="123"/>
      <c r="W46" s="123"/>
      <c r="X46" s="123"/>
      <c r="Y46" s="123"/>
      <c r="Z46" s="123"/>
      <c r="AA46" s="123"/>
      <c r="AB46" s="123"/>
      <c r="AC46" s="123"/>
      <c r="AD46" s="123"/>
      <c r="AE46" s="123"/>
      <c r="AF46" s="123"/>
      <c r="AG46" s="123"/>
      <c r="AH46" s="123"/>
      <c r="AI46" s="123"/>
      <c r="AJ46" s="123"/>
    </row>
    <row r="47" spans="1:47" ht="4.25" customHeight="1">
      <c r="A47" s="122"/>
      <c r="B47" s="174"/>
      <c r="C47" s="123"/>
      <c r="D47" s="123"/>
      <c r="E47" s="123"/>
      <c r="F47" s="123"/>
      <c r="G47" s="123"/>
      <c r="H47" s="123"/>
      <c r="I47" s="123"/>
      <c r="J47" s="123"/>
      <c r="K47" s="123"/>
      <c r="L47" s="123"/>
      <c r="M47" s="123"/>
      <c r="N47" s="123"/>
      <c r="O47" s="123"/>
      <c r="P47" s="123"/>
      <c r="Q47" s="123"/>
      <c r="R47" s="123"/>
      <c r="S47" s="123"/>
      <c r="T47" s="123"/>
      <c r="U47" s="123"/>
      <c r="V47" s="123"/>
      <c r="W47" s="123"/>
      <c r="X47" s="123"/>
      <c r="Y47" s="123"/>
      <c r="Z47" s="123"/>
      <c r="AA47" s="123"/>
      <c r="AB47" s="123"/>
      <c r="AC47" s="123"/>
      <c r="AD47" s="123"/>
      <c r="AE47" s="123"/>
      <c r="AF47" s="123"/>
      <c r="AG47" s="123"/>
      <c r="AH47" s="123"/>
      <c r="AI47" s="123"/>
      <c r="AJ47" s="123"/>
    </row>
    <row r="48" spans="1:47">
      <c r="A48" s="156" t="s">
        <v>260</v>
      </c>
      <c r="B48" s="156"/>
      <c r="C48" s="156"/>
      <c r="D48" s="156"/>
      <c r="E48" s="156"/>
      <c r="F48" s="156"/>
      <c r="G48" s="156"/>
      <c r="H48" s="156"/>
      <c r="I48" s="156"/>
      <c r="J48" s="156"/>
      <c r="K48" s="156"/>
      <c r="L48" s="156"/>
      <c r="M48" s="156"/>
      <c r="N48" s="156"/>
      <c r="O48" s="156"/>
      <c r="P48" s="156"/>
      <c r="Q48" s="156"/>
      <c r="R48" s="156"/>
      <c r="S48" s="156"/>
      <c r="T48" s="156"/>
      <c r="U48" s="156"/>
      <c r="V48" s="156"/>
      <c r="W48" s="156"/>
      <c r="X48" s="156"/>
      <c r="Y48" s="156"/>
      <c r="Z48" s="156"/>
      <c r="AA48" s="156"/>
      <c r="AB48" s="156"/>
      <c r="AC48" s="156"/>
      <c r="AD48" s="156"/>
      <c r="AE48" s="156"/>
      <c r="AF48" s="156"/>
      <c r="AG48" s="156"/>
      <c r="AH48" s="156"/>
      <c r="AI48" s="156"/>
      <c r="AJ48" s="239"/>
    </row>
    <row r="49" spans="1:36">
      <c r="A49" s="157" t="s">
        <v>349</v>
      </c>
      <c r="B49" s="175" t="s">
        <v>177</v>
      </c>
      <c r="C49" s="175"/>
      <c r="D49" s="175"/>
      <c r="E49" s="175"/>
      <c r="F49" s="175"/>
      <c r="G49" s="175"/>
      <c r="H49" s="175"/>
      <c r="I49" s="175"/>
      <c r="J49" s="175"/>
      <c r="K49" s="175"/>
      <c r="L49" s="175"/>
      <c r="M49" s="175"/>
      <c r="N49" s="175"/>
      <c r="O49" s="175"/>
      <c r="P49" s="175"/>
      <c r="Q49" s="175"/>
      <c r="R49" s="175"/>
      <c r="S49" s="175"/>
      <c r="T49" s="175"/>
      <c r="U49" s="175"/>
      <c r="V49" s="175"/>
      <c r="W49" s="175"/>
      <c r="X49" s="175"/>
      <c r="Y49" s="175"/>
      <c r="Z49" s="175"/>
      <c r="AA49" s="175"/>
      <c r="AB49" s="175"/>
      <c r="AC49" s="175"/>
      <c r="AD49" s="175"/>
      <c r="AE49" s="175"/>
      <c r="AF49" s="175"/>
      <c r="AG49" s="175"/>
      <c r="AH49" s="175"/>
      <c r="AI49" s="175"/>
      <c r="AJ49" s="240" t="str">
        <f>AI16</f>
        <v/>
      </c>
    </row>
    <row r="50" spans="1:36">
      <c r="A50" s="158" t="s">
        <v>351</v>
      </c>
      <c r="B50" s="176" t="s">
        <v>353</v>
      </c>
      <c r="C50" s="176"/>
      <c r="D50" s="176"/>
      <c r="E50" s="176"/>
      <c r="F50" s="176"/>
      <c r="G50" s="176"/>
      <c r="H50" s="176"/>
      <c r="I50" s="176"/>
      <c r="J50" s="176"/>
      <c r="K50" s="176"/>
      <c r="L50" s="176"/>
      <c r="M50" s="176"/>
      <c r="N50" s="176"/>
      <c r="O50" s="176"/>
      <c r="P50" s="176"/>
      <c r="Q50" s="176"/>
      <c r="R50" s="176"/>
      <c r="S50" s="176"/>
      <c r="T50" s="176"/>
      <c r="U50" s="176"/>
      <c r="V50" s="176"/>
      <c r="W50" s="176"/>
      <c r="X50" s="176"/>
      <c r="Y50" s="176"/>
      <c r="Z50" s="176"/>
      <c r="AA50" s="176"/>
      <c r="AB50" s="176"/>
      <c r="AC50" s="176"/>
      <c r="AD50" s="176"/>
      <c r="AE50" s="176"/>
      <c r="AF50" s="176"/>
      <c r="AG50" s="176"/>
      <c r="AH50" s="176"/>
      <c r="AI50" s="176"/>
      <c r="AJ50" s="241" t="str">
        <f>AI23</f>
        <v/>
      </c>
    </row>
    <row r="51" spans="1:36" ht="10.25" customHeight="1">
      <c r="A51" s="159"/>
      <c r="B51" s="159"/>
      <c r="C51" s="159"/>
      <c r="D51" s="159"/>
      <c r="E51" s="159"/>
      <c r="F51" s="159"/>
      <c r="G51" s="159"/>
      <c r="H51" s="159"/>
      <c r="I51" s="159"/>
      <c r="J51" s="159"/>
      <c r="K51" s="159"/>
      <c r="L51" s="159"/>
      <c r="M51" s="159"/>
      <c r="N51" s="159"/>
      <c r="O51" s="159"/>
      <c r="P51" s="159"/>
      <c r="Q51" s="159"/>
      <c r="R51" s="159"/>
      <c r="S51" s="159"/>
      <c r="T51" s="159"/>
      <c r="U51" s="159"/>
      <c r="V51" s="159"/>
      <c r="W51" s="159"/>
      <c r="X51" s="159"/>
      <c r="Y51" s="159"/>
      <c r="Z51" s="159"/>
      <c r="AA51" s="159"/>
      <c r="AB51" s="159"/>
      <c r="AC51" s="159"/>
      <c r="AD51" s="159"/>
      <c r="AE51" s="159"/>
      <c r="AF51" s="159"/>
      <c r="AG51" s="159"/>
      <c r="AH51" s="159"/>
      <c r="AI51" s="159"/>
      <c r="AJ51" s="159"/>
    </row>
    <row r="52" spans="1:36">
      <c r="A52" s="156" t="s">
        <v>355</v>
      </c>
      <c r="B52" s="156"/>
      <c r="C52" s="156"/>
      <c r="D52" s="156"/>
      <c r="E52" s="156"/>
      <c r="F52" s="156"/>
      <c r="G52" s="156"/>
      <c r="H52" s="156"/>
      <c r="I52" s="156"/>
      <c r="J52" s="156"/>
      <c r="K52" s="156"/>
      <c r="L52" s="156"/>
      <c r="M52" s="156"/>
      <c r="N52" s="156"/>
      <c r="O52" s="156"/>
      <c r="P52" s="156"/>
      <c r="Q52" s="156"/>
      <c r="R52" s="156"/>
      <c r="S52" s="156"/>
      <c r="T52" s="156"/>
      <c r="U52" s="156"/>
      <c r="V52" s="156"/>
      <c r="W52" s="156"/>
      <c r="X52" s="156"/>
      <c r="Y52" s="156"/>
      <c r="Z52" s="156"/>
      <c r="AA52" s="156"/>
      <c r="AB52" s="156"/>
      <c r="AC52" s="156"/>
      <c r="AD52" s="156"/>
      <c r="AE52" s="156"/>
      <c r="AF52" s="156"/>
      <c r="AG52" s="156"/>
      <c r="AH52" s="156"/>
      <c r="AI52" s="156"/>
      <c r="AJ52" s="239"/>
    </row>
    <row r="53" spans="1:36">
      <c r="A53" s="160" t="s">
        <v>30</v>
      </c>
      <c r="B53" s="160"/>
      <c r="C53" s="160"/>
      <c r="D53" s="160"/>
      <c r="E53" s="160"/>
      <c r="F53" s="160"/>
      <c r="G53" s="160"/>
      <c r="H53" s="160"/>
      <c r="I53" s="160"/>
      <c r="J53" s="160"/>
      <c r="K53" s="160"/>
      <c r="L53" s="160"/>
      <c r="M53" s="160"/>
      <c r="N53" s="160"/>
      <c r="O53" s="160"/>
      <c r="P53" s="160"/>
      <c r="Q53" s="160"/>
      <c r="R53" s="160"/>
      <c r="S53" s="160"/>
      <c r="T53" s="160"/>
      <c r="U53" s="160"/>
      <c r="V53" s="160"/>
      <c r="W53" s="160"/>
      <c r="X53" s="160"/>
      <c r="Y53" s="160"/>
      <c r="Z53" s="160"/>
      <c r="AA53" s="160"/>
      <c r="AB53" s="160"/>
      <c r="AC53" s="160"/>
      <c r="AD53" s="160"/>
      <c r="AE53" s="160"/>
      <c r="AF53" s="160"/>
      <c r="AG53" s="160"/>
      <c r="AH53" s="160"/>
      <c r="AI53" s="160"/>
      <c r="AJ53" s="240" t="str">
        <f>AI28</f>
        <v/>
      </c>
    </row>
    <row r="54" spans="1:36" ht="10.25" customHeight="1">
      <c r="A54" s="159"/>
      <c r="B54" s="159"/>
      <c r="C54" s="159"/>
      <c r="D54" s="159"/>
      <c r="E54" s="159"/>
      <c r="F54" s="159"/>
      <c r="G54" s="159"/>
      <c r="H54" s="159"/>
      <c r="I54" s="159"/>
      <c r="J54" s="159"/>
      <c r="K54" s="159"/>
      <c r="L54" s="159"/>
      <c r="M54" s="159"/>
      <c r="N54" s="159"/>
      <c r="O54" s="159"/>
      <c r="P54" s="159"/>
      <c r="Q54" s="159"/>
      <c r="R54" s="159"/>
      <c r="S54" s="159"/>
      <c r="T54" s="159"/>
      <c r="U54" s="159"/>
      <c r="V54" s="159"/>
      <c r="W54" s="159"/>
      <c r="X54" s="159"/>
      <c r="Y54" s="159"/>
      <c r="Z54" s="159"/>
      <c r="AA54" s="159"/>
      <c r="AB54" s="159"/>
      <c r="AC54" s="159"/>
      <c r="AD54" s="159"/>
      <c r="AE54" s="159"/>
      <c r="AF54" s="159"/>
      <c r="AG54" s="159"/>
      <c r="AH54" s="159"/>
      <c r="AI54" s="159"/>
      <c r="AJ54" s="159"/>
    </row>
    <row r="55" spans="1:36">
      <c r="A55" s="156" t="s">
        <v>356</v>
      </c>
      <c r="B55" s="156"/>
      <c r="C55" s="156"/>
      <c r="D55" s="156"/>
      <c r="E55" s="156"/>
      <c r="F55" s="156"/>
      <c r="G55" s="156"/>
      <c r="H55" s="156"/>
      <c r="I55" s="156"/>
      <c r="J55" s="156"/>
      <c r="K55" s="156"/>
      <c r="L55" s="156"/>
      <c r="M55" s="156"/>
      <c r="N55" s="156"/>
      <c r="O55" s="156"/>
      <c r="P55" s="156"/>
      <c r="Q55" s="156"/>
      <c r="R55" s="156"/>
      <c r="S55" s="156"/>
      <c r="T55" s="156"/>
      <c r="U55" s="156"/>
      <c r="V55" s="156"/>
      <c r="W55" s="156"/>
      <c r="X55" s="156"/>
      <c r="Y55" s="156"/>
      <c r="Z55" s="156"/>
      <c r="AA55" s="156"/>
      <c r="AB55" s="156"/>
      <c r="AC55" s="156"/>
      <c r="AD55" s="156"/>
      <c r="AE55" s="156"/>
      <c r="AF55" s="156"/>
      <c r="AG55" s="156"/>
      <c r="AH55" s="156"/>
      <c r="AI55" s="156"/>
      <c r="AJ55" s="239"/>
    </row>
    <row r="56" spans="1:36">
      <c r="A56" s="160" t="s">
        <v>361</v>
      </c>
      <c r="B56" s="160"/>
      <c r="C56" s="160"/>
      <c r="D56" s="160"/>
      <c r="E56" s="160"/>
      <c r="F56" s="160"/>
      <c r="G56" s="160"/>
      <c r="H56" s="160"/>
      <c r="I56" s="160"/>
      <c r="J56" s="160"/>
      <c r="K56" s="160"/>
      <c r="L56" s="160"/>
      <c r="M56" s="160"/>
      <c r="N56" s="160"/>
      <c r="O56" s="160"/>
      <c r="P56" s="160"/>
      <c r="Q56" s="160"/>
      <c r="R56" s="160"/>
      <c r="S56" s="160"/>
      <c r="T56" s="160"/>
      <c r="U56" s="160"/>
      <c r="V56" s="160"/>
      <c r="W56" s="160"/>
      <c r="X56" s="160"/>
      <c r="Y56" s="160"/>
      <c r="Z56" s="160"/>
      <c r="AA56" s="160"/>
      <c r="AB56" s="160"/>
      <c r="AC56" s="160"/>
      <c r="AD56" s="160"/>
      <c r="AE56" s="160"/>
      <c r="AF56" s="160"/>
      <c r="AG56" s="160"/>
      <c r="AH56" s="160"/>
      <c r="AI56" s="160"/>
      <c r="AJ56" s="240" t="str">
        <f>IF(G7="","",AI34)</f>
        <v/>
      </c>
    </row>
    <row r="57" spans="1:36" ht="10.25" customHeight="1">
      <c r="A57" s="161"/>
      <c r="B57" s="161"/>
      <c r="C57" s="161"/>
      <c r="D57" s="161"/>
      <c r="E57" s="161"/>
      <c r="F57" s="161"/>
      <c r="G57" s="161"/>
      <c r="H57" s="161"/>
      <c r="I57" s="161"/>
      <c r="J57" s="161"/>
      <c r="K57" s="161"/>
      <c r="L57" s="161"/>
      <c r="M57" s="161"/>
      <c r="N57" s="161"/>
      <c r="O57" s="161"/>
      <c r="P57" s="161"/>
      <c r="Q57" s="161"/>
      <c r="R57" s="161"/>
      <c r="S57" s="161"/>
      <c r="T57" s="161"/>
      <c r="U57" s="161"/>
      <c r="V57" s="161"/>
      <c r="W57" s="161"/>
      <c r="X57" s="161"/>
      <c r="Y57" s="161"/>
      <c r="Z57" s="161"/>
      <c r="AA57" s="161"/>
      <c r="AB57" s="161"/>
      <c r="AC57" s="161"/>
      <c r="AD57" s="161"/>
      <c r="AE57" s="161"/>
      <c r="AF57" s="161"/>
      <c r="AG57" s="161"/>
      <c r="AH57" s="161"/>
      <c r="AI57" s="161"/>
      <c r="AJ57" s="242"/>
    </row>
    <row r="58" spans="1:36">
      <c r="A58" s="156" t="s">
        <v>364</v>
      </c>
      <c r="B58" s="156"/>
      <c r="C58" s="156"/>
      <c r="D58" s="156"/>
      <c r="E58" s="156"/>
      <c r="F58" s="156"/>
      <c r="G58" s="156"/>
      <c r="H58" s="156"/>
      <c r="I58" s="156"/>
      <c r="J58" s="156"/>
      <c r="K58" s="156"/>
      <c r="L58" s="156"/>
      <c r="M58" s="156"/>
      <c r="N58" s="156"/>
      <c r="O58" s="156"/>
      <c r="P58" s="156"/>
      <c r="Q58" s="156"/>
      <c r="R58" s="156"/>
      <c r="S58" s="156"/>
      <c r="T58" s="156"/>
      <c r="U58" s="156"/>
      <c r="V58" s="156"/>
      <c r="W58" s="156"/>
      <c r="X58" s="156"/>
      <c r="Y58" s="156"/>
      <c r="Z58" s="156"/>
      <c r="AA58" s="156"/>
      <c r="AB58" s="156"/>
      <c r="AC58" s="156"/>
      <c r="AD58" s="156"/>
      <c r="AE58" s="156"/>
      <c r="AF58" s="156"/>
      <c r="AG58" s="156"/>
      <c r="AH58" s="156"/>
      <c r="AI58" s="156"/>
      <c r="AJ58" s="239"/>
    </row>
    <row r="59" spans="1:36">
      <c r="A59" s="162" t="s">
        <v>366</v>
      </c>
      <c r="B59" s="162"/>
      <c r="C59" s="162"/>
      <c r="D59" s="162"/>
      <c r="E59" s="162"/>
      <c r="F59" s="162"/>
      <c r="G59" s="162"/>
      <c r="H59" s="162"/>
      <c r="I59" s="162"/>
      <c r="J59" s="162"/>
      <c r="K59" s="162"/>
      <c r="L59" s="162"/>
      <c r="M59" s="162"/>
      <c r="N59" s="162"/>
      <c r="O59" s="162"/>
      <c r="P59" s="162"/>
      <c r="Q59" s="162"/>
      <c r="R59" s="162"/>
      <c r="S59" s="162"/>
      <c r="T59" s="162"/>
      <c r="U59" s="162"/>
      <c r="V59" s="162"/>
      <c r="W59" s="162"/>
      <c r="X59" s="162"/>
      <c r="Y59" s="162"/>
      <c r="Z59" s="162"/>
      <c r="AA59" s="162"/>
      <c r="AB59" s="162"/>
      <c r="AC59" s="162"/>
      <c r="AD59" s="162"/>
      <c r="AE59" s="162"/>
      <c r="AF59" s="162"/>
      <c r="AG59" s="162"/>
      <c r="AH59" s="162"/>
      <c r="AI59" s="162"/>
      <c r="AJ59" s="240" t="str">
        <f>AI36</f>
        <v/>
      </c>
    </row>
    <row r="60" spans="1:36">
      <c r="A60" s="163"/>
      <c r="B60" s="163"/>
      <c r="C60" s="163"/>
      <c r="D60" s="163"/>
      <c r="E60" s="163"/>
      <c r="F60" s="163"/>
      <c r="G60" s="163"/>
      <c r="H60" s="163"/>
      <c r="I60" s="163"/>
      <c r="J60" s="163"/>
      <c r="K60" s="163"/>
      <c r="L60" s="163"/>
      <c r="M60" s="163"/>
      <c r="N60" s="163"/>
      <c r="O60" s="163"/>
      <c r="P60" s="163"/>
      <c r="Q60" s="163"/>
      <c r="R60" s="163"/>
      <c r="S60" s="163"/>
      <c r="T60" s="163"/>
      <c r="U60" s="163"/>
      <c r="V60" s="163"/>
      <c r="W60" s="163"/>
      <c r="X60" s="163"/>
      <c r="Y60" s="163"/>
      <c r="Z60" s="163"/>
      <c r="AA60" s="163"/>
      <c r="AB60" s="163"/>
      <c r="AC60" s="163"/>
      <c r="AD60" s="163"/>
      <c r="AE60" s="163"/>
      <c r="AF60" s="163"/>
      <c r="AG60" s="163"/>
      <c r="AH60" s="163"/>
      <c r="AI60" s="163"/>
      <c r="AJ60" s="163"/>
    </row>
    <row r="61" spans="1:36">
      <c r="A61" s="163"/>
      <c r="B61" s="163"/>
      <c r="C61" s="163"/>
      <c r="D61" s="163"/>
      <c r="E61" s="163"/>
      <c r="F61" s="163"/>
      <c r="G61" s="163"/>
      <c r="H61" s="163"/>
      <c r="I61" s="163"/>
      <c r="J61" s="163"/>
      <c r="K61" s="163"/>
      <c r="L61" s="163"/>
      <c r="M61" s="163"/>
      <c r="N61" s="163"/>
      <c r="O61" s="163"/>
      <c r="P61" s="163"/>
      <c r="Q61" s="163"/>
      <c r="R61" s="163"/>
      <c r="S61" s="163"/>
      <c r="T61" s="163"/>
      <c r="U61" s="163"/>
      <c r="V61" s="163"/>
      <c r="W61" s="163"/>
      <c r="X61" s="163"/>
      <c r="Y61" s="163"/>
      <c r="Z61" s="163"/>
      <c r="AA61" s="163"/>
      <c r="AB61" s="163"/>
      <c r="AC61" s="163"/>
      <c r="AD61" s="163"/>
      <c r="AE61" s="163"/>
      <c r="AF61" s="163"/>
      <c r="AG61" s="163"/>
      <c r="AH61" s="163"/>
      <c r="AI61" s="163"/>
      <c r="AJ61" s="163"/>
    </row>
    <row r="62" spans="1:36">
      <c r="A62" s="163"/>
      <c r="B62" s="163"/>
      <c r="C62" s="163"/>
      <c r="D62" s="163"/>
      <c r="E62" s="163"/>
      <c r="F62" s="163"/>
      <c r="G62" s="163"/>
      <c r="H62" s="163"/>
      <c r="I62" s="163"/>
      <c r="J62" s="163"/>
      <c r="K62" s="163"/>
      <c r="L62" s="163"/>
      <c r="M62" s="163"/>
      <c r="N62" s="163"/>
      <c r="O62" s="163"/>
      <c r="P62" s="163"/>
      <c r="Q62" s="163"/>
      <c r="R62" s="163"/>
      <c r="S62" s="163"/>
      <c r="T62" s="163"/>
      <c r="U62" s="163"/>
      <c r="V62" s="163"/>
      <c r="W62" s="163"/>
      <c r="X62" s="163"/>
      <c r="Y62" s="163"/>
      <c r="Z62" s="163"/>
      <c r="AA62" s="163"/>
      <c r="AB62" s="163"/>
      <c r="AC62" s="163"/>
      <c r="AD62" s="163"/>
      <c r="AE62" s="163"/>
      <c r="AF62" s="163"/>
      <c r="AG62" s="163"/>
      <c r="AH62" s="163"/>
      <c r="AI62" s="163"/>
      <c r="AJ62" s="163"/>
    </row>
    <row r="63" spans="1:36">
      <c r="A63" s="163"/>
      <c r="B63" s="163"/>
      <c r="C63" s="163"/>
      <c r="D63" s="163"/>
      <c r="E63" s="163"/>
      <c r="F63" s="163"/>
      <c r="G63" s="163"/>
      <c r="H63" s="163"/>
      <c r="I63" s="163"/>
      <c r="J63" s="163"/>
      <c r="K63" s="163"/>
      <c r="L63" s="163"/>
      <c r="M63" s="163"/>
      <c r="N63" s="163"/>
      <c r="O63" s="163"/>
      <c r="P63" s="163"/>
      <c r="Q63" s="163"/>
      <c r="R63" s="163"/>
      <c r="S63" s="163"/>
      <c r="T63" s="163"/>
      <c r="U63" s="163"/>
      <c r="V63" s="163"/>
      <c r="W63" s="163"/>
      <c r="X63" s="163"/>
      <c r="Y63" s="163"/>
      <c r="Z63" s="163"/>
      <c r="AA63" s="163"/>
      <c r="AB63" s="163"/>
      <c r="AC63" s="163"/>
      <c r="AD63" s="163"/>
      <c r="AE63" s="163"/>
      <c r="AF63" s="163"/>
      <c r="AG63" s="163"/>
      <c r="AH63" s="163"/>
      <c r="AI63" s="163"/>
      <c r="AJ63" s="163"/>
    </row>
    <row r="64" spans="1:36">
      <c r="A64" s="163"/>
      <c r="B64" s="163"/>
      <c r="C64" s="163"/>
      <c r="D64" s="163"/>
      <c r="E64" s="163"/>
      <c r="F64" s="163"/>
      <c r="G64" s="163"/>
      <c r="H64" s="163"/>
      <c r="I64" s="163"/>
      <c r="J64" s="163"/>
      <c r="K64" s="163"/>
      <c r="L64" s="163"/>
      <c r="M64" s="163"/>
      <c r="N64" s="163"/>
      <c r="O64" s="163"/>
      <c r="P64" s="163"/>
      <c r="Q64" s="163"/>
      <c r="R64" s="163"/>
      <c r="S64" s="163"/>
      <c r="T64" s="163"/>
      <c r="U64" s="163"/>
      <c r="V64" s="163"/>
      <c r="W64" s="163"/>
      <c r="X64" s="163"/>
      <c r="Y64" s="163"/>
      <c r="Z64" s="163"/>
      <c r="AA64" s="163"/>
      <c r="AB64" s="163"/>
      <c r="AC64" s="163"/>
      <c r="AD64" s="163"/>
      <c r="AE64" s="163"/>
      <c r="AF64" s="163"/>
      <c r="AG64" s="163"/>
      <c r="AH64" s="163"/>
      <c r="AI64" s="163"/>
      <c r="AJ64" s="163"/>
    </row>
    <row r="65" spans="1:36">
      <c r="A65" s="163"/>
      <c r="B65" s="163"/>
      <c r="C65" s="163"/>
      <c r="D65" s="163"/>
      <c r="E65" s="163"/>
      <c r="F65" s="163"/>
      <c r="G65" s="163"/>
      <c r="H65" s="163"/>
      <c r="I65" s="163"/>
      <c r="J65" s="163"/>
      <c r="K65" s="163"/>
      <c r="L65" s="163"/>
      <c r="M65" s="163"/>
      <c r="N65" s="163"/>
      <c r="O65" s="163"/>
      <c r="P65" s="163"/>
      <c r="Q65" s="163"/>
      <c r="R65" s="163"/>
      <c r="S65" s="163"/>
      <c r="T65" s="163"/>
      <c r="U65" s="163"/>
      <c r="V65" s="163"/>
      <c r="W65" s="163"/>
      <c r="X65" s="163"/>
      <c r="Y65" s="163"/>
      <c r="Z65" s="163"/>
      <c r="AA65" s="163"/>
      <c r="AB65" s="163"/>
      <c r="AC65" s="163"/>
      <c r="AD65" s="163"/>
      <c r="AE65" s="163"/>
      <c r="AF65" s="163"/>
      <c r="AG65" s="163"/>
      <c r="AH65" s="163"/>
      <c r="AI65" s="163"/>
      <c r="AJ65" s="163"/>
    </row>
    <row r="66" spans="1:36">
      <c r="A66" s="163"/>
      <c r="B66" s="163"/>
      <c r="C66" s="163"/>
      <c r="D66" s="163"/>
      <c r="E66" s="163"/>
      <c r="F66" s="163"/>
      <c r="G66" s="163"/>
      <c r="H66" s="163"/>
      <c r="I66" s="163"/>
      <c r="J66" s="163"/>
      <c r="K66" s="163"/>
      <c r="L66" s="163"/>
      <c r="M66" s="163"/>
      <c r="N66" s="163"/>
      <c r="O66" s="163"/>
      <c r="P66" s="163"/>
      <c r="Q66" s="163"/>
      <c r="R66" s="163"/>
      <c r="S66" s="163"/>
      <c r="T66" s="163"/>
      <c r="U66" s="163"/>
      <c r="V66" s="163"/>
      <c r="W66" s="163"/>
      <c r="X66" s="163"/>
      <c r="Y66" s="163"/>
      <c r="Z66" s="163"/>
      <c r="AA66" s="163"/>
      <c r="AB66" s="163"/>
      <c r="AC66" s="163"/>
      <c r="AD66" s="163"/>
      <c r="AE66" s="163"/>
      <c r="AF66" s="163"/>
      <c r="AG66" s="163"/>
      <c r="AH66" s="163"/>
      <c r="AI66" s="163"/>
      <c r="AJ66" s="163"/>
    </row>
    <row r="67" spans="1:36">
      <c r="A67" s="163"/>
      <c r="B67" s="163"/>
      <c r="C67" s="163"/>
      <c r="D67" s="163"/>
      <c r="E67" s="163"/>
      <c r="F67" s="163"/>
      <c r="G67" s="163"/>
      <c r="H67" s="163"/>
      <c r="I67" s="163"/>
      <c r="J67" s="163"/>
      <c r="K67" s="163"/>
      <c r="L67" s="163"/>
      <c r="M67" s="163"/>
      <c r="N67" s="163"/>
      <c r="O67" s="163"/>
      <c r="P67" s="163"/>
      <c r="Q67" s="163"/>
      <c r="R67" s="163"/>
      <c r="S67" s="163"/>
      <c r="T67" s="163"/>
      <c r="U67" s="163"/>
      <c r="V67" s="163"/>
      <c r="W67" s="163"/>
      <c r="X67" s="163"/>
      <c r="Y67" s="163"/>
      <c r="Z67" s="163"/>
      <c r="AA67" s="163"/>
      <c r="AB67" s="163"/>
      <c r="AC67" s="163"/>
      <c r="AD67" s="163"/>
      <c r="AE67" s="163"/>
      <c r="AF67" s="163"/>
      <c r="AG67" s="163"/>
      <c r="AH67" s="163"/>
      <c r="AI67" s="163"/>
      <c r="AJ67" s="163"/>
    </row>
    <row r="68" spans="1:36">
      <c r="A68" s="163"/>
      <c r="B68" s="163"/>
      <c r="C68" s="163"/>
      <c r="D68" s="163"/>
      <c r="E68" s="163"/>
      <c r="F68" s="163"/>
      <c r="G68" s="163"/>
      <c r="H68" s="163"/>
      <c r="I68" s="163"/>
      <c r="J68" s="163"/>
      <c r="K68" s="163"/>
      <c r="L68" s="163"/>
      <c r="M68" s="163"/>
      <c r="N68" s="163"/>
      <c r="O68" s="163"/>
      <c r="P68" s="163"/>
      <c r="Q68" s="163"/>
      <c r="R68" s="163"/>
      <c r="S68" s="163"/>
      <c r="T68" s="163"/>
      <c r="U68" s="163"/>
      <c r="V68" s="163"/>
      <c r="W68" s="163"/>
      <c r="X68" s="163"/>
      <c r="Y68" s="163"/>
      <c r="Z68" s="163"/>
      <c r="AA68" s="163"/>
      <c r="AB68" s="163"/>
      <c r="AC68" s="163"/>
      <c r="AD68" s="163"/>
      <c r="AE68" s="163"/>
      <c r="AF68" s="163"/>
      <c r="AG68" s="163"/>
      <c r="AH68" s="163"/>
      <c r="AI68" s="163"/>
      <c r="AJ68" s="163"/>
    </row>
    <row r="69" spans="1:36">
      <c r="A69" s="163"/>
      <c r="B69" s="163"/>
      <c r="C69" s="163"/>
      <c r="D69" s="163"/>
      <c r="E69" s="163"/>
      <c r="F69" s="163"/>
      <c r="G69" s="163"/>
      <c r="H69" s="163"/>
      <c r="I69" s="163"/>
      <c r="J69" s="163"/>
      <c r="K69" s="163"/>
      <c r="L69" s="163"/>
      <c r="M69" s="163"/>
      <c r="N69" s="163"/>
      <c r="O69" s="163"/>
      <c r="P69" s="163"/>
      <c r="Q69" s="163"/>
      <c r="R69" s="163"/>
      <c r="S69" s="163"/>
      <c r="T69" s="163"/>
      <c r="U69" s="163"/>
      <c r="V69" s="163"/>
      <c r="W69" s="163"/>
      <c r="X69" s="163"/>
      <c r="Y69" s="163"/>
      <c r="Z69" s="163"/>
      <c r="AA69" s="163"/>
      <c r="AB69" s="163"/>
      <c r="AC69" s="163"/>
      <c r="AD69" s="163"/>
      <c r="AE69" s="163"/>
      <c r="AF69" s="163"/>
      <c r="AG69" s="163"/>
      <c r="AH69" s="163"/>
      <c r="AI69" s="163"/>
      <c r="AJ69" s="163"/>
    </row>
    <row r="70" spans="1:36">
      <c r="A70" s="163"/>
      <c r="B70" s="163"/>
      <c r="C70" s="163"/>
      <c r="D70" s="163"/>
      <c r="E70" s="163"/>
      <c r="F70" s="163"/>
      <c r="G70" s="163"/>
      <c r="H70" s="163"/>
      <c r="I70" s="163"/>
      <c r="J70" s="163"/>
      <c r="K70" s="163"/>
      <c r="L70" s="163"/>
      <c r="M70" s="163"/>
      <c r="N70" s="163"/>
      <c r="O70" s="163"/>
      <c r="P70" s="163"/>
      <c r="Q70" s="163"/>
      <c r="R70" s="163"/>
      <c r="S70" s="163"/>
      <c r="T70" s="163"/>
      <c r="U70" s="163"/>
      <c r="V70" s="163"/>
      <c r="W70" s="163"/>
      <c r="X70" s="163"/>
      <c r="Y70" s="163"/>
      <c r="Z70" s="163"/>
      <c r="AA70" s="163"/>
      <c r="AB70" s="163"/>
      <c r="AC70" s="163"/>
      <c r="AD70" s="163"/>
      <c r="AE70" s="163"/>
      <c r="AF70" s="163"/>
      <c r="AG70" s="163"/>
      <c r="AH70" s="163"/>
      <c r="AI70" s="163"/>
      <c r="AJ70" s="163"/>
    </row>
    <row r="71" spans="1:36">
      <c r="A71" s="163"/>
      <c r="B71" s="163"/>
      <c r="C71" s="163"/>
      <c r="D71" s="163"/>
      <c r="E71" s="163"/>
      <c r="F71" s="163"/>
      <c r="G71" s="163"/>
      <c r="H71" s="163"/>
      <c r="I71" s="163"/>
      <c r="J71" s="163"/>
      <c r="K71" s="163"/>
      <c r="L71" s="163"/>
      <c r="M71" s="163"/>
      <c r="N71" s="163"/>
      <c r="O71" s="163"/>
      <c r="P71" s="163"/>
      <c r="Q71" s="163"/>
      <c r="R71" s="163"/>
      <c r="S71" s="163"/>
      <c r="T71" s="163"/>
      <c r="U71" s="163"/>
      <c r="V71" s="163"/>
      <c r="W71" s="163"/>
      <c r="X71" s="163"/>
      <c r="Y71" s="163"/>
      <c r="Z71" s="163"/>
      <c r="AA71" s="163"/>
      <c r="AB71" s="163"/>
      <c r="AC71" s="163"/>
      <c r="AD71" s="163"/>
      <c r="AE71" s="163"/>
      <c r="AF71" s="163"/>
      <c r="AG71" s="163"/>
      <c r="AH71" s="163"/>
      <c r="AI71" s="163"/>
      <c r="AJ71" s="163"/>
    </row>
    <row r="72" spans="1:36">
      <c r="A72" s="163"/>
      <c r="B72" s="163"/>
      <c r="C72" s="163"/>
      <c r="D72" s="163"/>
      <c r="E72" s="163"/>
      <c r="F72" s="163"/>
      <c r="G72" s="163"/>
      <c r="H72" s="163"/>
      <c r="I72" s="163"/>
      <c r="J72" s="163"/>
      <c r="K72" s="163"/>
      <c r="L72" s="163"/>
      <c r="M72" s="163"/>
      <c r="N72" s="163"/>
      <c r="O72" s="163"/>
      <c r="P72" s="163"/>
      <c r="Q72" s="163"/>
      <c r="R72" s="163"/>
      <c r="S72" s="163"/>
      <c r="T72" s="163"/>
      <c r="U72" s="163"/>
      <c r="V72" s="163"/>
      <c r="W72" s="163"/>
      <c r="X72" s="163"/>
      <c r="Y72" s="163"/>
      <c r="Z72" s="163"/>
      <c r="AA72" s="163"/>
      <c r="AB72" s="163"/>
      <c r="AC72" s="163"/>
      <c r="AD72" s="163"/>
      <c r="AE72" s="163"/>
      <c r="AF72" s="163"/>
      <c r="AG72" s="163"/>
      <c r="AH72" s="163"/>
      <c r="AI72" s="163"/>
      <c r="AJ72" s="163"/>
    </row>
    <row r="73" spans="1:36">
      <c r="A73" s="163"/>
      <c r="B73" s="163"/>
      <c r="C73" s="163"/>
      <c r="D73" s="163"/>
      <c r="E73" s="163"/>
      <c r="F73" s="163"/>
      <c r="G73" s="163"/>
      <c r="H73" s="163"/>
      <c r="I73" s="163"/>
      <c r="J73" s="163"/>
      <c r="K73" s="163"/>
      <c r="L73" s="163"/>
      <c r="M73" s="163"/>
      <c r="N73" s="163"/>
      <c r="O73" s="163"/>
      <c r="P73" s="163"/>
      <c r="Q73" s="163"/>
      <c r="R73" s="163"/>
      <c r="S73" s="163"/>
      <c r="T73" s="163"/>
      <c r="U73" s="163"/>
      <c r="V73" s="163"/>
      <c r="W73" s="163"/>
      <c r="X73" s="163"/>
      <c r="Y73" s="163"/>
      <c r="Z73" s="163"/>
      <c r="AA73" s="163"/>
      <c r="AB73" s="163"/>
      <c r="AC73" s="163"/>
      <c r="AD73" s="163"/>
      <c r="AE73" s="163"/>
      <c r="AF73" s="163"/>
      <c r="AG73" s="163"/>
      <c r="AH73" s="163"/>
      <c r="AI73" s="163"/>
      <c r="AJ73" s="163"/>
    </row>
    <row r="74" spans="1:36">
      <c r="A74" s="163"/>
      <c r="B74" s="163"/>
      <c r="C74" s="163"/>
      <c r="D74" s="163"/>
      <c r="E74" s="163"/>
      <c r="F74" s="163"/>
      <c r="G74" s="163"/>
      <c r="H74" s="163"/>
      <c r="I74" s="163"/>
      <c r="J74" s="163"/>
      <c r="K74" s="163"/>
      <c r="L74" s="163"/>
      <c r="M74" s="163"/>
      <c r="N74" s="163"/>
      <c r="O74" s="163"/>
      <c r="P74" s="163"/>
      <c r="Q74" s="163"/>
      <c r="R74" s="163"/>
      <c r="S74" s="163"/>
      <c r="T74" s="163"/>
      <c r="U74" s="163"/>
      <c r="V74" s="163"/>
      <c r="W74" s="163"/>
      <c r="X74" s="163"/>
      <c r="Y74" s="163"/>
      <c r="Z74" s="163"/>
      <c r="AA74" s="163"/>
      <c r="AB74" s="163"/>
      <c r="AC74" s="163"/>
      <c r="AD74" s="163"/>
      <c r="AE74" s="163"/>
      <c r="AF74" s="163"/>
      <c r="AG74" s="163"/>
      <c r="AH74" s="163"/>
      <c r="AI74" s="163"/>
      <c r="AJ74" s="163"/>
    </row>
    <row r="75" spans="1:36">
      <c r="A75" s="163"/>
      <c r="B75" s="163"/>
      <c r="C75" s="163"/>
      <c r="D75" s="163"/>
      <c r="E75" s="163"/>
      <c r="F75" s="163"/>
      <c r="G75" s="163"/>
      <c r="H75" s="163"/>
      <c r="I75" s="163"/>
      <c r="J75" s="163"/>
      <c r="K75" s="163"/>
      <c r="L75" s="163"/>
      <c r="M75" s="163"/>
      <c r="N75" s="163"/>
      <c r="O75" s="163"/>
      <c r="P75" s="163"/>
      <c r="Q75" s="163"/>
      <c r="R75" s="163"/>
      <c r="S75" s="163"/>
      <c r="T75" s="163"/>
      <c r="U75" s="163"/>
      <c r="V75" s="163"/>
      <c r="W75" s="163"/>
      <c r="X75" s="163"/>
      <c r="Y75" s="163"/>
      <c r="Z75" s="163"/>
      <c r="AA75" s="163"/>
      <c r="AB75" s="163"/>
      <c r="AC75" s="163"/>
      <c r="AD75" s="163"/>
      <c r="AE75" s="163"/>
      <c r="AF75" s="163"/>
      <c r="AG75" s="163"/>
      <c r="AH75" s="163"/>
      <c r="AI75" s="163"/>
      <c r="AJ75" s="163"/>
    </row>
    <row r="76" spans="1:36">
      <c r="A76" s="163"/>
      <c r="B76" s="163"/>
      <c r="C76" s="163"/>
      <c r="D76" s="163"/>
      <c r="E76" s="163"/>
      <c r="F76" s="163"/>
      <c r="G76" s="163"/>
      <c r="H76" s="163"/>
      <c r="I76" s="163"/>
      <c r="J76" s="163"/>
      <c r="K76" s="163"/>
      <c r="L76" s="163"/>
      <c r="M76" s="163"/>
      <c r="N76" s="163"/>
      <c r="O76" s="163"/>
      <c r="P76" s="163"/>
      <c r="Q76" s="163"/>
      <c r="R76" s="163"/>
      <c r="S76" s="163"/>
      <c r="T76" s="163"/>
      <c r="U76" s="163"/>
      <c r="V76" s="163"/>
      <c r="W76" s="163"/>
      <c r="X76" s="163"/>
      <c r="Y76" s="163"/>
      <c r="Z76" s="163"/>
      <c r="AA76" s="163"/>
      <c r="AB76" s="163"/>
      <c r="AC76" s="163"/>
      <c r="AD76" s="163"/>
      <c r="AE76" s="163"/>
      <c r="AF76" s="163"/>
      <c r="AG76" s="163"/>
      <c r="AH76" s="163"/>
      <c r="AI76" s="163"/>
      <c r="AJ76" s="163"/>
    </row>
    <row r="77" spans="1:36">
      <c r="A77" s="163"/>
      <c r="B77" s="163"/>
      <c r="C77" s="163"/>
      <c r="D77" s="163"/>
      <c r="E77" s="163"/>
      <c r="F77" s="163"/>
      <c r="G77" s="163"/>
      <c r="H77" s="163"/>
      <c r="I77" s="163"/>
      <c r="J77" s="163"/>
      <c r="K77" s="163"/>
      <c r="L77" s="163"/>
      <c r="M77" s="163"/>
      <c r="N77" s="163"/>
      <c r="O77" s="163"/>
      <c r="P77" s="163"/>
      <c r="Q77" s="163"/>
      <c r="R77" s="163"/>
      <c r="S77" s="163"/>
      <c r="T77" s="163"/>
      <c r="U77" s="163"/>
      <c r="V77" s="163"/>
      <c r="W77" s="163"/>
      <c r="X77" s="163"/>
      <c r="Y77" s="163"/>
      <c r="Z77" s="163"/>
      <c r="AA77" s="163"/>
      <c r="AB77" s="163"/>
      <c r="AC77" s="163"/>
      <c r="AD77" s="163"/>
      <c r="AE77" s="163"/>
      <c r="AF77" s="163"/>
      <c r="AG77" s="163"/>
      <c r="AH77" s="163"/>
      <c r="AI77" s="163"/>
      <c r="AJ77" s="163"/>
    </row>
    <row r="78" spans="1:36">
      <c r="A78" s="163"/>
      <c r="B78" s="163"/>
      <c r="C78" s="163"/>
      <c r="D78" s="163"/>
      <c r="E78" s="163"/>
      <c r="F78" s="163"/>
      <c r="G78" s="163"/>
      <c r="H78" s="163"/>
      <c r="I78" s="163"/>
      <c r="J78" s="163"/>
      <c r="K78" s="163"/>
      <c r="L78" s="163"/>
      <c r="M78" s="163"/>
      <c r="N78" s="163"/>
      <c r="O78" s="163"/>
      <c r="P78" s="163"/>
      <c r="Q78" s="163"/>
      <c r="R78" s="163"/>
      <c r="S78" s="163"/>
      <c r="T78" s="163"/>
      <c r="U78" s="163"/>
      <c r="V78" s="163"/>
      <c r="W78" s="163"/>
      <c r="X78" s="163"/>
      <c r="Y78" s="163"/>
      <c r="Z78" s="163"/>
      <c r="AA78" s="163"/>
      <c r="AB78" s="163"/>
      <c r="AC78" s="163"/>
      <c r="AD78" s="163"/>
      <c r="AE78" s="163"/>
      <c r="AF78" s="163"/>
      <c r="AG78" s="163"/>
      <c r="AH78" s="163"/>
      <c r="AI78" s="163"/>
      <c r="AJ78" s="163"/>
    </row>
    <row r="79" spans="1:36">
      <c r="A79" s="163"/>
      <c r="B79" s="163"/>
      <c r="C79" s="163"/>
      <c r="D79" s="163"/>
      <c r="E79" s="163"/>
      <c r="F79" s="163"/>
      <c r="G79" s="163"/>
      <c r="H79" s="163"/>
      <c r="I79" s="163"/>
      <c r="J79" s="163"/>
      <c r="K79" s="163"/>
      <c r="L79" s="163"/>
      <c r="M79" s="163"/>
      <c r="N79" s="163"/>
      <c r="O79" s="163"/>
      <c r="P79" s="163"/>
      <c r="Q79" s="163"/>
      <c r="R79" s="163"/>
      <c r="S79" s="163"/>
      <c r="T79" s="163"/>
      <c r="U79" s="163"/>
      <c r="V79" s="163"/>
      <c r="W79" s="163"/>
      <c r="X79" s="163"/>
      <c r="Y79" s="163"/>
      <c r="Z79" s="163"/>
      <c r="AA79" s="163"/>
      <c r="AB79" s="163"/>
      <c r="AC79" s="163"/>
      <c r="AD79" s="163"/>
      <c r="AE79" s="163"/>
      <c r="AF79" s="163"/>
      <c r="AG79" s="163"/>
      <c r="AH79" s="163"/>
      <c r="AI79" s="163"/>
      <c r="AJ79" s="163"/>
    </row>
    <row r="80" spans="1:36">
      <c r="A80" s="163"/>
      <c r="B80" s="163"/>
      <c r="C80" s="163"/>
      <c r="D80" s="163"/>
      <c r="E80" s="163"/>
      <c r="F80" s="163"/>
      <c r="G80" s="163"/>
      <c r="H80" s="163"/>
      <c r="I80" s="163"/>
      <c r="J80" s="163"/>
      <c r="K80" s="163"/>
      <c r="L80" s="163"/>
      <c r="M80" s="163"/>
      <c r="N80" s="163"/>
      <c r="O80" s="163"/>
      <c r="P80" s="163"/>
      <c r="Q80" s="163"/>
      <c r="R80" s="163"/>
      <c r="S80" s="163"/>
      <c r="T80" s="163"/>
      <c r="U80" s="163"/>
      <c r="V80" s="163"/>
      <c r="W80" s="163"/>
      <c r="X80" s="163"/>
      <c r="Y80" s="163"/>
      <c r="Z80" s="163"/>
      <c r="AA80" s="163"/>
      <c r="AB80" s="163"/>
      <c r="AC80" s="163"/>
      <c r="AD80" s="163"/>
      <c r="AE80" s="163"/>
      <c r="AF80" s="163"/>
      <c r="AG80" s="163"/>
      <c r="AH80" s="163"/>
      <c r="AI80" s="163"/>
      <c r="AJ80" s="163"/>
    </row>
    <row r="81" spans="1:36">
      <c r="A81" s="163"/>
      <c r="B81" s="163"/>
      <c r="C81" s="163"/>
      <c r="D81" s="163"/>
      <c r="E81" s="163"/>
      <c r="F81" s="163"/>
      <c r="G81" s="163"/>
      <c r="H81" s="163"/>
      <c r="I81" s="163"/>
      <c r="J81" s="163"/>
      <c r="K81" s="163"/>
      <c r="L81" s="163"/>
      <c r="M81" s="163"/>
      <c r="N81" s="163"/>
      <c r="O81" s="163"/>
      <c r="P81" s="163"/>
      <c r="Q81" s="163"/>
      <c r="R81" s="163"/>
      <c r="S81" s="163"/>
      <c r="T81" s="163"/>
      <c r="U81" s="163"/>
      <c r="V81" s="163"/>
      <c r="W81" s="163"/>
      <c r="X81" s="163"/>
      <c r="Y81" s="163"/>
      <c r="Z81" s="163"/>
      <c r="AA81" s="163"/>
      <c r="AB81" s="163"/>
      <c r="AC81" s="163"/>
      <c r="AD81" s="163"/>
      <c r="AE81" s="163"/>
      <c r="AF81" s="163"/>
      <c r="AG81" s="163"/>
      <c r="AH81" s="163"/>
      <c r="AI81" s="163"/>
      <c r="AJ81" s="163"/>
    </row>
    <row r="82" spans="1:36">
      <c r="A82" s="163"/>
      <c r="B82" s="163"/>
      <c r="C82" s="163"/>
      <c r="D82" s="163"/>
      <c r="E82" s="163"/>
      <c r="F82" s="163"/>
      <c r="G82" s="163"/>
      <c r="H82" s="163"/>
      <c r="I82" s="163"/>
      <c r="J82" s="163"/>
      <c r="K82" s="163"/>
      <c r="L82" s="163"/>
      <c r="M82" s="163"/>
      <c r="N82" s="163"/>
      <c r="O82" s="163"/>
      <c r="P82" s="163"/>
      <c r="Q82" s="163"/>
      <c r="R82" s="163"/>
      <c r="S82" s="163"/>
      <c r="T82" s="163"/>
      <c r="U82" s="163"/>
      <c r="V82" s="163"/>
      <c r="W82" s="163"/>
      <c r="X82" s="163"/>
      <c r="Y82" s="163"/>
      <c r="Z82" s="163"/>
      <c r="AA82" s="163"/>
      <c r="AB82" s="163"/>
      <c r="AC82" s="163"/>
      <c r="AD82" s="163"/>
      <c r="AE82" s="163"/>
      <c r="AF82" s="163"/>
      <c r="AG82" s="163"/>
      <c r="AH82" s="163"/>
      <c r="AI82" s="163"/>
      <c r="AJ82" s="163"/>
    </row>
    <row r="83" spans="1:36">
      <c r="A83" s="163"/>
      <c r="B83" s="163"/>
      <c r="C83" s="163"/>
      <c r="D83" s="163"/>
      <c r="E83" s="163"/>
      <c r="F83" s="163"/>
      <c r="G83" s="163"/>
      <c r="H83" s="163"/>
      <c r="I83" s="163"/>
      <c r="J83" s="163"/>
      <c r="K83" s="163"/>
      <c r="L83" s="163"/>
      <c r="M83" s="163"/>
      <c r="N83" s="163"/>
      <c r="O83" s="163"/>
      <c r="P83" s="163"/>
      <c r="Q83" s="163"/>
      <c r="R83" s="163"/>
      <c r="S83" s="163"/>
      <c r="T83" s="163"/>
      <c r="U83" s="163"/>
      <c r="V83" s="163"/>
      <c r="W83" s="163"/>
      <c r="X83" s="163"/>
      <c r="Y83" s="163"/>
      <c r="Z83" s="163"/>
      <c r="AA83" s="163"/>
      <c r="AB83" s="163"/>
      <c r="AC83" s="163"/>
      <c r="AD83" s="163"/>
      <c r="AE83" s="163"/>
      <c r="AF83" s="163"/>
      <c r="AG83" s="163"/>
      <c r="AH83" s="163"/>
      <c r="AI83" s="163"/>
      <c r="AJ83" s="163"/>
    </row>
    <row r="84" spans="1:36">
      <c r="A84" s="163"/>
      <c r="B84" s="163"/>
      <c r="C84" s="163"/>
      <c r="D84" s="163"/>
      <c r="E84" s="163"/>
      <c r="F84" s="163"/>
      <c r="G84" s="163"/>
      <c r="H84" s="163"/>
      <c r="I84" s="163"/>
      <c r="J84" s="163"/>
      <c r="K84" s="163"/>
      <c r="L84" s="163"/>
      <c r="M84" s="163"/>
      <c r="N84" s="163"/>
      <c r="O84" s="163"/>
      <c r="P84" s="163"/>
      <c r="Q84" s="163"/>
      <c r="R84" s="163"/>
      <c r="S84" s="163"/>
      <c r="T84" s="163"/>
      <c r="U84" s="163"/>
      <c r="V84" s="163"/>
      <c r="W84" s="163"/>
      <c r="X84" s="163"/>
      <c r="Y84" s="163"/>
      <c r="Z84" s="163"/>
      <c r="AA84" s="163"/>
      <c r="AB84" s="163"/>
      <c r="AC84" s="163"/>
      <c r="AD84" s="163"/>
      <c r="AE84" s="163"/>
      <c r="AF84" s="163"/>
      <c r="AG84" s="163"/>
      <c r="AH84" s="163"/>
      <c r="AI84" s="163"/>
      <c r="AJ84" s="163"/>
    </row>
    <row r="85" spans="1:36">
      <c r="A85" s="163"/>
      <c r="B85" s="163"/>
      <c r="C85" s="163"/>
      <c r="D85" s="163"/>
      <c r="E85" s="163"/>
      <c r="F85" s="163"/>
      <c r="G85" s="163"/>
      <c r="H85" s="163"/>
      <c r="I85" s="163"/>
      <c r="J85" s="163"/>
      <c r="K85" s="163"/>
      <c r="L85" s="163"/>
      <c r="M85" s="163"/>
      <c r="N85" s="163"/>
      <c r="O85" s="163"/>
      <c r="P85" s="163"/>
      <c r="Q85" s="163"/>
      <c r="R85" s="163"/>
      <c r="S85" s="163"/>
      <c r="T85" s="163"/>
      <c r="U85" s="163"/>
      <c r="V85" s="163"/>
      <c r="W85" s="163"/>
      <c r="X85" s="163"/>
      <c r="Y85" s="163"/>
      <c r="Z85" s="163"/>
      <c r="AA85" s="163"/>
      <c r="AB85" s="163"/>
      <c r="AC85" s="163"/>
      <c r="AD85" s="163"/>
      <c r="AE85" s="163"/>
      <c r="AF85" s="163"/>
      <c r="AG85" s="163"/>
      <c r="AH85" s="163"/>
      <c r="AI85" s="163"/>
      <c r="AJ85" s="163"/>
    </row>
    <row r="86" spans="1:36">
      <c r="A86" s="163"/>
      <c r="B86" s="163"/>
      <c r="C86" s="163"/>
      <c r="D86" s="163"/>
      <c r="E86" s="163"/>
      <c r="F86" s="163"/>
      <c r="G86" s="163"/>
      <c r="H86" s="163"/>
      <c r="I86" s="163"/>
      <c r="J86" s="163"/>
      <c r="K86" s="163"/>
      <c r="L86" s="163"/>
      <c r="M86" s="163"/>
      <c r="N86" s="163"/>
      <c r="O86" s="163"/>
      <c r="P86" s="163"/>
      <c r="Q86" s="163"/>
      <c r="R86" s="163"/>
      <c r="S86" s="163"/>
      <c r="T86" s="163"/>
      <c r="U86" s="163"/>
      <c r="V86" s="163"/>
      <c r="W86" s="163"/>
      <c r="X86" s="163"/>
      <c r="Y86" s="163"/>
      <c r="Z86" s="163"/>
      <c r="AA86" s="163"/>
      <c r="AB86" s="163"/>
      <c r="AC86" s="163"/>
      <c r="AD86" s="163"/>
      <c r="AE86" s="163"/>
      <c r="AF86" s="163"/>
      <c r="AG86" s="163"/>
      <c r="AH86" s="163"/>
      <c r="AI86" s="163"/>
      <c r="AJ86" s="163"/>
    </row>
    <row r="87" spans="1:36">
      <c r="A87" s="163"/>
      <c r="B87" s="163"/>
      <c r="C87" s="163"/>
      <c r="D87" s="163"/>
      <c r="E87" s="163"/>
      <c r="F87" s="163"/>
      <c r="G87" s="163"/>
      <c r="H87" s="163"/>
      <c r="I87" s="163"/>
      <c r="J87" s="163"/>
      <c r="K87" s="163"/>
      <c r="L87" s="163"/>
      <c r="M87" s="163"/>
      <c r="N87" s="163"/>
      <c r="O87" s="163"/>
      <c r="P87" s="163"/>
      <c r="Q87" s="163"/>
      <c r="R87" s="163"/>
      <c r="S87" s="163"/>
      <c r="T87" s="163"/>
      <c r="U87" s="163"/>
      <c r="V87" s="163"/>
      <c r="W87" s="163"/>
      <c r="X87" s="163"/>
      <c r="Y87" s="163"/>
      <c r="Z87" s="163"/>
      <c r="AA87" s="163"/>
      <c r="AB87" s="163"/>
      <c r="AC87" s="163"/>
      <c r="AD87" s="163"/>
      <c r="AE87" s="163"/>
      <c r="AF87" s="163"/>
      <c r="AG87" s="163"/>
      <c r="AH87" s="163"/>
      <c r="AI87" s="163"/>
      <c r="AJ87" s="163"/>
    </row>
    <row r="88" spans="1:36">
      <c r="A88" s="163"/>
      <c r="B88" s="163"/>
      <c r="C88" s="163"/>
      <c r="D88" s="163"/>
      <c r="E88" s="163"/>
      <c r="F88" s="163"/>
      <c r="G88" s="163"/>
      <c r="H88" s="163"/>
      <c r="I88" s="163"/>
      <c r="J88" s="163"/>
      <c r="K88" s="163"/>
      <c r="L88" s="163"/>
      <c r="M88" s="163"/>
      <c r="N88" s="163"/>
      <c r="O88" s="163"/>
      <c r="P88" s="163"/>
      <c r="Q88" s="163"/>
      <c r="R88" s="163"/>
      <c r="S88" s="163"/>
      <c r="T88" s="163"/>
      <c r="U88" s="163"/>
      <c r="V88" s="163"/>
      <c r="W88" s="163"/>
      <c r="X88" s="163"/>
      <c r="Y88" s="163"/>
      <c r="Z88" s="163"/>
      <c r="AA88" s="163"/>
      <c r="AB88" s="163"/>
      <c r="AC88" s="163"/>
      <c r="AD88" s="163"/>
      <c r="AE88" s="163"/>
      <c r="AF88" s="163"/>
      <c r="AG88" s="163"/>
      <c r="AH88" s="163"/>
      <c r="AI88" s="163"/>
      <c r="AJ88" s="163"/>
    </row>
    <row r="89" spans="1:36">
      <c r="A89" s="163"/>
      <c r="B89" s="163"/>
      <c r="C89" s="163"/>
      <c r="D89" s="163"/>
      <c r="E89" s="163"/>
      <c r="F89" s="163"/>
      <c r="G89" s="163"/>
      <c r="H89" s="163"/>
      <c r="I89" s="163"/>
      <c r="J89" s="163"/>
      <c r="K89" s="163"/>
      <c r="L89" s="163"/>
      <c r="M89" s="163"/>
      <c r="N89" s="163"/>
      <c r="O89" s="163"/>
      <c r="P89" s="163"/>
      <c r="Q89" s="163"/>
      <c r="R89" s="163"/>
      <c r="S89" s="163"/>
      <c r="T89" s="163"/>
      <c r="U89" s="163"/>
      <c r="V89" s="163"/>
      <c r="W89" s="163"/>
      <c r="X89" s="163"/>
      <c r="Y89" s="163"/>
      <c r="Z89" s="163"/>
      <c r="AA89" s="163"/>
      <c r="AB89" s="163"/>
      <c r="AC89" s="163"/>
      <c r="AD89" s="163"/>
      <c r="AE89" s="163"/>
      <c r="AF89" s="163"/>
      <c r="AG89" s="163"/>
      <c r="AH89" s="163"/>
      <c r="AI89" s="163"/>
      <c r="AJ89" s="163"/>
    </row>
    <row r="90" spans="1:36">
      <c r="A90" s="163"/>
      <c r="B90" s="163"/>
      <c r="C90" s="163"/>
      <c r="D90" s="163"/>
      <c r="E90" s="163"/>
      <c r="F90" s="163"/>
      <c r="G90" s="163"/>
      <c r="H90" s="163"/>
      <c r="I90" s="163"/>
      <c r="J90" s="163"/>
      <c r="K90" s="163"/>
      <c r="L90" s="163"/>
      <c r="M90" s="163"/>
      <c r="N90" s="163"/>
      <c r="O90" s="163"/>
      <c r="P90" s="163"/>
      <c r="Q90" s="163"/>
      <c r="R90" s="163"/>
      <c r="S90" s="163"/>
      <c r="T90" s="163"/>
      <c r="U90" s="163"/>
      <c r="V90" s="163"/>
      <c r="W90" s="163"/>
      <c r="X90" s="163"/>
      <c r="Y90" s="163"/>
      <c r="Z90" s="163"/>
      <c r="AA90" s="163"/>
      <c r="AB90" s="163"/>
      <c r="AC90" s="163"/>
      <c r="AD90" s="163"/>
      <c r="AE90" s="163"/>
      <c r="AF90" s="163"/>
      <c r="AG90" s="163"/>
      <c r="AH90" s="163"/>
      <c r="AI90" s="163"/>
      <c r="AJ90" s="163"/>
    </row>
    <row r="91" spans="1:36">
      <c r="A91" s="163"/>
      <c r="B91" s="163"/>
      <c r="C91" s="163"/>
      <c r="D91" s="163"/>
      <c r="E91" s="163"/>
      <c r="F91" s="163"/>
      <c r="G91" s="163"/>
      <c r="H91" s="163"/>
      <c r="I91" s="163"/>
      <c r="J91" s="163"/>
      <c r="K91" s="163"/>
      <c r="L91" s="163"/>
      <c r="M91" s="163"/>
      <c r="N91" s="163"/>
      <c r="O91" s="163"/>
      <c r="P91" s="163"/>
      <c r="Q91" s="163"/>
      <c r="R91" s="163"/>
      <c r="S91" s="163"/>
      <c r="T91" s="163"/>
      <c r="U91" s="163"/>
      <c r="V91" s="163"/>
      <c r="W91" s="163"/>
      <c r="X91" s="163"/>
      <c r="Y91" s="163"/>
      <c r="Z91" s="163"/>
      <c r="AA91" s="163"/>
      <c r="AB91" s="163"/>
      <c r="AC91" s="163"/>
      <c r="AD91" s="163"/>
      <c r="AE91" s="163"/>
      <c r="AF91" s="163"/>
      <c r="AG91" s="163"/>
      <c r="AH91" s="163"/>
      <c r="AI91" s="163"/>
      <c r="AJ91" s="163"/>
    </row>
    <row r="92" spans="1:36">
      <c r="A92" s="163"/>
      <c r="B92" s="163"/>
      <c r="C92" s="163"/>
      <c r="D92" s="163"/>
      <c r="E92" s="163"/>
      <c r="F92" s="163"/>
      <c r="G92" s="163"/>
      <c r="H92" s="163"/>
      <c r="I92" s="163"/>
      <c r="J92" s="163"/>
      <c r="K92" s="163"/>
      <c r="L92" s="163"/>
      <c r="M92" s="163"/>
      <c r="N92" s="163"/>
      <c r="O92" s="163"/>
      <c r="P92" s="163"/>
      <c r="Q92" s="163"/>
      <c r="R92" s="163"/>
      <c r="S92" s="163"/>
      <c r="T92" s="163"/>
      <c r="U92" s="163"/>
      <c r="V92" s="163"/>
      <c r="W92" s="163"/>
      <c r="X92" s="163"/>
      <c r="Y92" s="163"/>
      <c r="Z92" s="163"/>
      <c r="AA92" s="163"/>
      <c r="AB92" s="163"/>
      <c r="AC92" s="163"/>
      <c r="AD92" s="163"/>
      <c r="AE92" s="163"/>
      <c r="AF92" s="163"/>
      <c r="AG92" s="163"/>
      <c r="AH92" s="163"/>
      <c r="AI92" s="163"/>
      <c r="AJ92" s="163"/>
    </row>
    <row r="93" spans="1:36">
      <c r="A93" s="163"/>
      <c r="B93" s="163"/>
      <c r="C93" s="163"/>
      <c r="D93" s="163"/>
      <c r="E93" s="163"/>
      <c r="F93" s="163"/>
      <c r="G93" s="163"/>
      <c r="H93" s="163"/>
      <c r="I93" s="163"/>
      <c r="J93" s="163"/>
      <c r="K93" s="163"/>
      <c r="L93" s="163"/>
      <c r="M93" s="163"/>
      <c r="N93" s="163"/>
      <c r="O93" s="163"/>
      <c r="P93" s="163"/>
      <c r="Q93" s="163"/>
      <c r="R93" s="163"/>
      <c r="S93" s="163"/>
      <c r="T93" s="163"/>
      <c r="U93" s="163"/>
      <c r="V93" s="163"/>
      <c r="W93" s="163"/>
      <c r="X93" s="163"/>
      <c r="Y93" s="163"/>
      <c r="Z93" s="163"/>
      <c r="AA93" s="163"/>
      <c r="AB93" s="163"/>
      <c r="AC93" s="163"/>
      <c r="AD93" s="163"/>
      <c r="AE93" s="163"/>
      <c r="AF93" s="163"/>
      <c r="AG93" s="163"/>
      <c r="AH93" s="163"/>
      <c r="AI93" s="163"/>
      <c r="AJ93" s="163"/>
    </row>
    <row r="94" spans="1:36">
      <c r="A94" s="163"/>
      <c r="B94" s="163"/>
      <c r="C94" s="163"/>
      <c r="D94" s="163"/>
      <c r="E94" s="163"/>
      <c r="F94" s="163"/>
      <c r="G94" s="163"/>
      <c r="H94" s="163"/>
      <c r="I94" s="163"/>
      <c r="J94" s="163"/>
      <c r="K94" s="163"/>
      <c r="L94" s="163"/>
      <c r="M94" s="163"/>
      <c r="N94" s="163"/>
      <c r="O94" s="163"/>
      <c r="P94" s="163"/>
      <c r="Q94" s="163"/>
      <c r="R94" s="163"/>
      <c r="S94" s="163"/>
      <c r="T94" s="163"/>
      <c r="U94" s="163"/>
      <c r="V94" s="163"/>
      <c r="W94" s="163"/>
      <c r="X94" s="163"/>
      <c r="Y94" s="163"/>
      <c r="Z94" s="163"/>
      <c r="AA94" s="163"/>
      <c r="AB94" s="163"/>
      <c r="AC94" s="163"/>
      <c r="AD94" s="163"/>
      <c r="AE94" s="163"/>
      <c r="AF94" s="163"/>
      <c r="AG94" s="163"/>
      <c r="AH94" s="163"/>
      <c r="AI94" s="163"/>
      <c r="AJ94" s="163"/>
    </row>
    <row r="95" spans="1:36">
      <c r="A95" s="163"/>
      <c r="B95" s="163"/>
      <c r="C95" s="163"/>
      <c r="D95" s="163"/>
      <c r="E95" s="163"/>
      <c r="F95" s="163"/>
      <c r="G95" s="163"/>
      <c r="H95" s="163"/>
      <c r="I95" s="163"/>
      <c r="J95" s="163"/>
      <c r="K95" s="163"/>
      <c r="L95" s="163"/>
      <c r="M95" s="163"/>
      <c r="N95" s="163"/>
      <c r="O95" s="163"/>
      <c r="P95" s="163"/>
      <c r="Q95" s="163"/>
      <c r="R95" s="163"/>
      <c r="S95" s="163"/>
      <c r="T95" s="163"/>
      <c r="U95" s="163"/>
      <c r="V95" s="163"/>
      <c r="W95" s="163"/>
      <c r="X95" s="163"/>
      <c r="Y95" s="163"/>
      <c r="Z95" s="163"/>
      <c r="AA95" s="163"/>
      <c r="AB95" s="163"/>
      <c r="AC95" s="163"/>
      <c r="AD95" s="163"/>
      <c r="AE95" s="163"/>
      <c r="AF95" s="163"/>
      <c r="AG95" s="163"/>
      <c r="AH95" s="163"/>
      <c r="AI95" s="163"/>
      <c r="AJ95" s="163"/>
    </row>
    <row r="96" spans="1:36">
      <c r="A96" s="163"/>
      <c r="B96" s="163"/>
      <c r="C96" s="163"/>
      <c r="D96" s="163"/>
      <c r="E96" s="163"/>
      <c r="F96" s="163"/>
      <c r="G96" s="163"/>
      <c r="H96" s="163"/>
      <c r="I96" s="163"/>
      <c r="J96" s="163"/>
      <c r="K96" s="163"/>
      <c r="L96" s="163"/>
      <c r="M96" s="163"/>
      <c r="N96" s="163"/>
      <c r="O96" s="163"/>
      <c r="P96" s="163"/>
      <c r="Q96" s="163"/>
      <c r="R96" s="163"/>
      <c r="S96" s="163"/>
      <c r="T96" s="163"/>
      <c r="U96" s="163"/>
      <c r="V96" s="163"/>
      <c r="W96" s="163"/>
      <c r="X96" s="163"/>
      <c r="Y96" s="163"/>
      <c r="Z96" s="163"/>
      <c r="AA96" s="163"/>
      <c r="AB96" s="163"/>
      <c r="AC96" s="163"/>
      <c r="AD96" s="163"/>
      <c r="AE96" s="163"/>
      <c r="AF96" s="163"/>
      <c r="AG96" s="163"/>
      <c r="AH96" s="163"/>
      <c r="AI96" s="163"/>
      <c r="AJ96" s="163"/>
    </row>
    <row r="97" spans="1:36">
      <c r="A97" s="163"/>
      <c r="B97" s="163"/>
      <c r="C97" s="163"/>
      <c r="D97" s="163"/>
      <c r="E97" s="163"/>
      <c r="F97" s="163"/>
      <c r="G97" s="163"/>
      <c r="H97" s="163"/>
      <c r="I97" s="163"/>
      <c r="J97" s="163"/>
      <c r="K97" s="163"/>
      <c r="L97" s="163"/>
      <c r="M97" s="163"/>
      <c r="N97" s="163"/>
      <c r="O97" s="163"/>
      <c r="P97" s="163"/>
      <c r="Q97" s="163"/>
      <c r="R97" s="163"/>
      <c r="S97" s="163"/>
      <c r="T97" s="163"/>
      <c r="U97" s="163"/>
      <c r="V97" s="163"/>
      <c r="W97" s="163"/>
      <c r="X97" s="163"/>
      <c r="Y97" s="163"/>
      <c r="Z97" s="163"/>
      <c r="AA97" s="163"/>
      <c r="AB97" s="163"/>
      <c r="AC97" s="163"/>
      <c r="AD97" s="163"/>
      <c r="AE97" s="163"/>
      <c r="AF97" s="163"/>
      <c r="AG97" s="163"/>
      <c r="AH97" s="163"/>
      <c r="AI97" s="163"/>
      <c r="AJ97" s="163"/>
    </row>
    <row r="98" spans="1:36">
      <c r="A98" s="163"/>
      <c r="B98" s="163"/>
      <c r="C98" s="163"/>
      <c r="D98" s="163"/>
      <c r="E98" s="163"/>
      <c r="F98" s="163"/>
      <c r="G98" s="163"/>
      <c r="H98" s="163"/>
      <c r="I98" s="163"/>
      <c r="J98" s="163"/>
      <c r="K98" s="163"/>
      <c r="L98" s="163"/>
      <c r="M98" s="163"/>
      <c r="N98" s="163"/>
      <c r="O98" s="163"/>
      <c r="P98" s="163"/>
      <c r="Q98" s="163"/>
      <c r="R98" s="163"/>
      <c r="S98" s="163"/>
      <c r="T98" s="163"/>
      <c r="U98" s="163"/>
      <c r="V98" s="163"/>
      <c r="W98" s="163"/>
      <c r="X98" s="163"/>
      <c r="Y98" s="163"/>
      <c r="Z98" s="163"/>
      <c r="AA98" s="163"/>
      <c r="AB98" s="163"/>
      <c r="AC98" s="163"/>
      <c r="AD98" s="163"/>
      <c r="AE98" s="163"/>
      <c r="AF98" s="163"/>
      <c r="AG98" s="163"/>
      <c r="AH98" s="163"/>
      <c r="AI98" s="163"/>
      <c r="AJ98" s="163"/>
    </row>
    <row r="99" spans="1:36">
      <c r="B99" s="163"/>
    </row>
  </sheetData>
  <mergeCells count="74">
    <mergeCell ref="Z1:AB1"/>
    <mergeCell ref="AC1:AI1"/>
    <mergeCell ref="A3:AJ3"/>
    <mergeCell ref="A6:F6"/>
    <mergeCell ref="G6:AJ6"/>
    <mergeCell ref="A7:F7"/>
    <mergeCell ref="G7:AJ7"/>
    <mergeCell ref="H8:L8"/>
    <mergeCell ref="G9:AJ9"/>
    <mergeCell ref="G10:AJ10"/>
    <mergeCell ref="A11:F11"/>
    <mergeCell ref="G11:AJ11"/>
    <mergeCell ref="A12:F12"/>
    <mergeCell ref="G12:AJ12"/>
    <mergeCell ref="A13:F13"/>
    <mergeCell ref="G13:J13"/>
    <mergeCell ref="K13:T13"/>
    <mergeCell ref="U13:X13"/>
    <mergeCell ref="Y13:AJ13"/>
    <mergeCell ref="A16:Y16"/>
    <mergeCell ref="Z16:AF16"/>
    <mergeCell ref="AG16:AH16"/>
    <mergeCell ref="AK16:AU16"/>
    <mergeCell ref="A17:Y17"/>
    <mergeCell ref="Z17:AF17"/>
    <mergeCell ref="AG17:AH17"/>
    <mergeCell ref="A18:Y18"/>
    <mergeCell ref="Z18:AF18"/>
    <mergeCell ref="AG18:AH18"/>
    <mergeCell ref="L19:Y19"/>
    <mergeCell ref="Z19:AF19"/>
    <mergeCell ref="AG19:AH19"/>
    <mergeCell ref="L20:Y20"/>
    <mergeCell ref="Z20:AF20"/>
    <mergeCell ref="AG20:AH20"/>
    <mergeCell ref="L21:Y21"/>
    <mergeCell ref="Z21:AF21"/>
    <mergeCell ref="AG21:AH21"/>
    <mergeCell ref="A23:L23"/>
    <mergeCell ref="M23:AH23"/>
    <mergeCell ref="A24:AH24"/>
    <mergeCell ref="AK24:AU24"/>
    <mergeCell ref="A25:AJ25"/>
    <mergeCell ref="A27:AJ27"/>
    <mergeCell ref="B28:AH28"/>
    <mergeCell ref="A29:AI29"/>
    <mergeCell ref="A31:AI31"/>
    <mergeCell ref="A33:AJ33"/>
    <mergeCell ref="B34:AH34"/>
    <mergeCell ref="A36:AH36"/>
    <mergeCell ref="AK36:AU36"/>
    <mergeCell ref="D38:AH38"/>
    <mergeCell ref="D40:E40"/>
    <mergeCell ref="G40:H40"/>
    <mergeCell ref="J40:K40"/>
    <mergeCell ref="N40:P40"/>
    <mergeCell ref="Q40:AH40"/>
    <mergeCell ref="N41:P41"/>
    <mergeCell ref="Q41:R41"/>
    <mergeCell ref="S41:W41"/>
    <mergeCell ref="X41:Y41"/>
    <mergeCell ref="Z41:AH41"/>
    <mergeCell ref="A43:AI43"/>
    <mergeCell ref="A48:AJ48"/>
    <mergeCell ref="B49:AI49"/>
    <mergeCell ref="B50:AI50"/>
    <mergeCell ref="A52:AJ52"/>
    <mergeCell ref="A53:AI53"/>
    <mergeCell ref="A55:AJ55"/>
    <mergeCell ref="A56:AI56"/>
    <mergeCell ref="A58:AJ58"/>
    <mergeCell ref="A59:AI59"/>
    <mergeCell ref="A8:F10"/>
    <mergeCell ref="AI23:AI24"/>
  </mergeCells>
  <phoneticPr fontId="35"/>
  <conditionalFormatting sqref="A23:AI24">
    <cfRule type="expression" dxfId="7" priority="1">
      <formula>OR(AND($G$7&lt;&gt;"",$Z$21=0),AND($G$7&lt;&gt;"",$Z$21=""))</formula>
    </cfRule>
  </conditionalFormatting>
  <conditionalFormatting sqref="A27:AJ31">
    <cfRule type="expression" dxfId="6" priority="4">
      <formula>AND($Z$17=0,$G$7&lt;&gt;"")</formula>
    </cfRule>
  </conditionalFormatting>
  <conditionalFormatting sqref="A33:AJ34">
    <cfRule type="expression" dxfId="5" priority="3">
      <formula>AND($G$7&lt;&gt;"",$Z$18=0)</formula>
    </cfRule>
  </conditionalFormatting>
  <conditionalFormatting sqref="A52:AJ53">
    <cfRule type="expression" dxfId="4" priority="10">
      <formula>AND($G$7&lt;&gt;"",$Z$17=0)</formula>
    </cfRule>
  </conditionalFormatting>
  <conditionalFormatting sqref="A55:AJ56">
    <cfRule type="expression" dxfId="3" priority="2">
      <formula>AND($G$7&lt;&gt;"",$Z$18=0)</formula>
    </cfRule>
  </conditionalFormatting>
  <conditionalFormatting sqref="AK16:AU16">
    <cfRule type="expression" dxfId="2" priority="7">
      <formula>OR($AI$16="",$AI$16="○")</formula>
    </cfRule>
  </conditionalFormatting>
  <conditionalFormatting sqref="AK24:AU24">
    <cfRule type="expression" dxfId="1" priority="16">
      <formula>OR($AI$23="○",$AI$23="")</formula>
    </cfRule>
  </conditionalFormatting>
  <conditionalFormatting sqref="AK36:AU36">
    <cfRule type="expression" dxfId="0" priority="6">
      <formula>OR($AI$36="",$AI$36="○")</formula>
    </cfRule>
  </conditionalFormatting>
  <dataValidations count="2">
    <dataValidation imeMode="hiragana" allowBlank="1" showDropDown="0" showInputMessage="1" showErrorMessage="1" sqref="S41"/>
    <dataValidation imeMode="halfAlpha" allowBlank="1" showDropDown="0" showInputMessage="1" showErrorMessage="1" sqref="N15:U15 Z14:AJ15 K13 K35:R35 K14:U14 D40:E40 A13 G40:H40 K15 J40:K40 K32:R32"/>
  </dataValidations>
  <printOptions horizontalCentered="1"/>
  <pageMargins left="0.55118110236220474" right="0.15748031496062992" top="0.82677165354330706" bottom="0.23622047244094491" header="0.51181102362204722" footer="0.35433070866141736"/>
  <pageSetup paperSize="9" scale="80" fitToWidth="1" fitToHeight="1" orientation="portrait" usePrinterDefaults="1" cellComments="asDisplayed" r:id="rId1"/>
  <headerFooter alignWithMargins="0"/>
  <drawing r:id="rId2"/>
  <legacyDrawing r:id="rId3"/>
  <mc:AlternateContent>
    <mc:Choice xmlns:x14="http://schemas.microsoft.com/office/spreadsheetml/2009/9/main" Requires="x14">
      <controls>
        <mc:AlternateContent>
          <mc:Choice Requires="x14">
            <control shapeId="22534" r:id="rId4" name="チェック 6">
              <controlPr defaultSize="0" autoFill="0" autoLine="0" autoPict="0">
                <anchor moveWithCells="1">
                  <from xmlns:xdr="http://schemas.openxmlformats.org/drawingml/2006/spreadsheetDrawing">
                    <xdr:col>1</xdr:col>
                    <xdr:colOff>190500</xdr:colOff>
                    <xdr:row>26</xdr:row>
                    <xdr:rowOff>190500</xdr:rowOff>
                  </from>
                  <to xmlns:xdr="http://schemas.openxmlformats.org/drawingml/2006/spreadsheetDrawing">
                    <xdr:col>2</xdr:col>
                    <xdr:colOff>25400</xdr:colOff>
                    <xdr:row>28</xdr:row>
                    <xdr:rowOff>151765</xdr:rowOff>
                  </to>
                </anchor>
              </controlPr>
            </control>
          </mc:Choice>
        </mc:AlternateContent>
        <mc:AlternateContent>
          <mc:Choice Requires="x14">
            <control shapeId="22536" r:id="rId5" name="チェック 8">
              <controlPr defaultSize="0" autoFill="0" autoLine="0" autoPict="0">
                <anchor moveWithCells="1">
                  <from xmlns:xdr="http://schemas.openxmlformats.org/drawingml/2006/spreadsheetDrawing">
                    <xdr:col>1</xdr:col>
                    <xdr:colOff>190500</xdr:colOff>
                    <xdr:row>32</xdr:row>
                    <xdr:rowOff>238125</xdr:rowOff>
                  </from>
                  <to xmlns:xdr="http://schemas.openxmlformats.org/drawingml/2006/spreadsheetDrawing">
                    <xdr:col>2</xdr:col>
                    <xdr:colOff>25400</xdr:colOff>
                    <xdr:row>33</xdr:row>
                    <xdr:rowOff>38798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DropDown="0" showInputMessage="1" showErrorMessage="1">
          <x14:formula1>
            <xm:f>'【参考】数式用'!$K$3:$K$4</xm:f>
          </x14:formula1>
          <xm:sqref>B38 A28 A34</xm:sqref>
        </x14:dataValidation>
        <x14:dataValidation type="list" allowBlank="1" showDropDown="0" showInputMessage="1" showErrorMessage="1">
          <x14:formula1>
            <xm:f>'【参考】数式用'!$I$3:$I$5</xm:f>
          </x14:formula1>
          <xm:sqref>M23:AH23</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sheetPr codeName="Sheet5">
    <pageSetUpPr fitToPage="1"/>
  </sheetPr>
  <dimension ref="A1:AT284"/>
  <sheetViews>
    <sheetView view="pageBreakPreview" topLeftCell="A4" zoomScale="85" zoomScaleNormal="85" zoomScaleSheetLayoutView="85" workbookViewId="0">
      <selection activeCell="K15" sqref="K15"/>
    </sheetView>
  </sheetViews>
  <sheetFormatPr defaultColWidth="2.453125" defaultRowHeight="13.5"/>
  <cols>
    <col min="1" max="1" width="4" customWidth="1"/>
    <col min="2" max="2" width="16.6328125" customWidth="1"/>
    <col min="3" max="3" width="20.453125" style="254" customWidth="1"/>
    <col min="4" max="4" width="11.6328125" customWidth="1"/>
    <col min="5" max="5" width="15.90625" customWidth="1"/>
    <col min="6" max="6" width="31.08984375" customWidth="1"/>
    <col min="7" max="7" width="31.36328125" customWidth="1"/>
    <col min="8" max="8" width="5.36328125" style="163" customWidth="1"/>
    <col min="9" max="9" width="29" customWidth="1"/>
    <col min="10" max="10" width="17.453125" customWidth="1"/>
    <col min="11" max="11" width="4.08984375" style="123" customWidth="1"/>
  </cols>
  <sheetData>
    <row r="1" spans="1:46" ht="23.25" customHeight="1">
      <c r="A1" s="255" t="s">
        <v>369</v>
      </c>
      <c r="B1" s="123"/>
      <c r="C1" s="275"/>
      <c r="D1" s="266" t="s">
        <v>373</v>
      </c>
      <c r="E1" s="123"/>
      <c r="F1" s="123"/>
      <c r="G1" s="123"/>
      <c r="H1" s="153"/>
      <c r="I1" s="302" t="s">
        <v>23</v>
      </c>
      <c r="J1" s="312" t="str">
        <f>IF(基本情報入力シート!C18="","",基本情報入力シート!C18)</f>
        <v>広島県</v>
      </c>
    </row>
    <row r="2" spans="1:46" ht="21" customHeight="1">
      <c r="A2" s="123"/>
      <c r="B2" s="266"/>
      <c r="C2" s="276"/>
      <c r="D2" s="266"/>
      <c r="E2" s="266"/>
      <c r="F2" s="266"/>
      <c r="G2" s="123"/>
      <c r="H2" s="153"/>
      <c r="I2" s="292"/>
      <c r="J2" s="292"/>
    </row>
    <row r="3" spans="1:46" ht="27" customHeight="1">
      <c r="A3" s="256" t="s">
        <v>4</v>
      </c>
      <c r="B3" s="267"/>
      <c r="C3" s="277" t="str">
        <f>IF(基本情報入力シート!M23="","",基本情報入力シート!M23)</f>
        <v/>
      </c>
      <c r="D3" s="281"/>
      <c r="E3" s="281"/>
      <c r="F3" s="286"/>
      <c r="G3" s="123"/>
      <c r="H3" s="153"/>
      <c r="I3" s="303" t="s">
        <v>77</v>
      </c>
      <c r="J3" s="303"/>
      <c r="K3" s="303"/>
      <c r="L3" s="5"/>
      <c r="M3" s="5"/>
      <c r="N3" s="5"/>
      <c r="O3" s="5"/>
      <c r="P3" s="5"/>
      <c r="Q3" s="5"/>
      <c r="R3" s="5"/>
      <c r="S3" s="5"/>
      <c r="T3" s="5"/>
      <c r="U3" s="5"/>
      <c r="V3" s="5"/>
    </row>
    <row r="4" spans="1:46" ht="21" customHeight="1">
      <c r="A4" s="257"/>
      <c r="B4" s="257"/>
      <c r="C4" s="278"/>
      <c r="D4" s="282"/>
      <c r="E4" s="282"/>
      <c r="F4" s="282"/>
      <c r="G4" s="292"/>
      <c r="H4" s="295"/>
      <c r="I4" s="303"/>
      <c r="J4" s="303"/>
      <c r="K4" s="303"/>
      <c r="L4" s="5"/>
      <c r="M4" s="5"/>
      <c r="N4" s="5"/>
      <c r="O4" s="5"/>
      <c r="P4" s="5"/>
      <c r="Q4" s="5"/>
      <c r="R4" s="5"/>
      <c r="S4" s="5"/>
      <c r="T4" s="5"/>
      <c r="U4" s="5"/>
      <c r="V4" s="5"/>
    </row>
    <row r="5" spans="1:46" ht="27.75" customHeight="1">
      <c r="A5" s="258" t="s">
        <v>378</v>
      </c>
      <c r="B5" s="268"/>
      <c r="C5" s="268"/>
      <c r="D5" s="268"/>
      <c r="E5" s="284"/>
      <c r="F5" s="287">
        <f>IFERROR(SUM(I:J),"")</f>
        <v>0</v>
      </c>
      <c r="G5" s="292"/>
      <c r="H5" s="295"/>
      <c r="I5" s="303"/>
      <c r="J5" s="303"/>
      <c r="K5" s="303"/>
      <c r="L5" s="5"/>
      <c r="M5" s="5"/>
      <c r="N5" s="5"/>
      <c r="O5" s="5"/>
      <c r="P5" s="5"/>
      <c r="Q5" s="5"/>
      <c r="R5" s="5"/>
      <c r="S5" s="5"/>
      <c r="T5" s="5"/>
      <c r="U5" s="5"/>
      <c r="V5" s="5"/>
    </row>
    <row r="6" spans="1:46" ht="27.75" customHeight="1">
      <c r="A6" s="259"/>
      <c r="B6" s="269"/>
      <c r="C6" s="269"/>
      <c r="D6" s="269"/>
      <c r="E6" s="285"/>
      <c r="F6" s="288"/>
      <c r="G6" s="292"/>
      <c r="H6" s="295"/>
      <c r="I6" s="303"/>
      <c r="J6" s="303"/>
    </row>
    <row r="7" spans="1:46" ht="21" customHeight="1">
      <c r="A7" s="123"/>
      <c r="B7" s="123"/>
      <c r="C7" s="275"/>
      <c r="D7" s="123"/>
      <c r="E7" s="123"/>
      <c r="F7" s="123"/>
      <c r="G7" s="123"/>
      <c r="H7" s="153"/>
      <c r="I7" s="304"/>
      <c r="J7" s="123"/>
    </row>
    <row r="8" spans="1:46" ht="42.75" customHeight="1">
      <c r="A8" s="260"/>
      <c r="B8" s="270" t="s">
        <v>257</v>
      </c>
      <c r="C8" s="270" t="s">
        <v>144</v>
      </c>
      <c r="D8" s="283" t="s">
        <v>146</v>
      </c>
      <c r="E8" s="283"/>
      <c r="F8" s="289" t="s">
        <v>39</v>
      </c>
      <c r="G8" s="289" t="s">
        <v>150</v>
      </c>
      <c r="H8" s="296" t="s">
        <v>238</v>
      </c>
      <c r="I8" s="305" t="s">
        <v>382</v>
      </c>
      <c r="J8" s="313"/>
    </row>
    <row r="9" spans="1:46" ht="39" customHeight="1">
      <c r="A9" s="261"/>
      <c r="B9" s="271"/>
      <c r="C9" s="271"/>
      <c r="D9" s="256"/>
      <c r="E9" s="256"/>
      <c r="F9" s="290"/>
      <c r="G9" s="290"/>
      <c r="H9" s="297"/>
      <c r="I9" s="306"/>
      <c r="J9" s="314"/>
    </row>
    <row r="10" spans="1:46" ht="57.75" customHeight="1">
      <c r="A10" s="262"/>
      <c r="B10" s="272"/>
      <c r="C10" s="272"/>
      <c r="D10" s="272" t="s">
        <v>139</v>
      </c>
      <c r="E10" s="272" t="s">
        <v>17</v>
      </c>
      <c r="F10" s="291"/>
      <c r="G10" s="291"/>
      <c r="H10" s="298"/>
      <c r="I10" s="307"/>
      <c r="J10" s="315"/>
    </row>
    <row r="11" spans="1:46" ht="36.75" customHeight="1">
      <c r="A11" s="263">
        <v>1</v>
      </c>
      <c r="B11" s="273" t="str">
        <f>IF(基本情報入力シート!C40="","",基本情報入力シート!C40)</f>
        <v/>
      </c>
      <c r="C11" s="279" t="str">
        <f>IF(基本情報入力シート!M40="","",基本情報入力シート!M40)</f>
        <v/>
      </c>
      <c r="D11" s="279" t="str">
        <f>IF(基本情報入力シート!R40="","",基本情報入力シート!R40)</f>
        <v/>
      </c>
      <c r="E11" s="279" t="str">
        <f>IF(基本情報入力シート!W40="","",基本情報入力シート!W40)</f>
        <v/>
      </c>
      <c r="F11" s="279" t="str">
        <f>IF(基本情報入力シート!X40="","",基本情報入力シート!X40)</f>
        <v/>
      </c>
      <c r="G11" s="293" t="str">
        <f>IF(基本情報入力シート!Y40="","",基本情報入力シート!Y40)</f>
        <v/>
      </c>
      <c r="H11" s="299" t="str">
        <f>IF(基本情報入力シート!Z40="","",基本情報入力シート!Z40)</f>
        <v/>
      </c>
      <c r="I11" s="308"/>
      <c r="J11" s="316"/>
      <c r="K11" s="320" t="s">
        <v>550</v>
      </c>
      <c r="L11" s="322"/>
      <c r="M11" s="322"/>
      <c r="N11" s="322"/>
      <c r="O11" s="322"/>
      <c r="P11" s="322"/>
      <c r="Q11" s="322"/>
      <c r="R11" s="322"/>
      <c r="S11" s="322"/>
      <c r="T11" s="322"/>
      <c r="U11" s="322"/>
      <c r="V11" s="322"/>
      <c r="W11" s="322"/>
      <c r="X11" s="322"/>
      <c r="Y11" s="322"/>
      <c r="Z11" s="322"/>
      <c r="AA11" s="322"/>
      <c r="AB11" s="322"/>
      <c r="AC11" s="322"/>
      <c r="AD11" s="322"/>
      <c r="AE11" s="322"/>
      <c r="AF11" s="322"/>
      <c r="AG11" s="322"/>
      <c r="AH11" s="322"/>
      <c r="AI11" s="322"/>
      <c r="AJ11" s="322"/>
      <c r="AK11" s="322"/>
      <c r="AL11" s="322"/>
      <c r="AM11" s="322"/>
      <c r="AN11" s="322"/>
      <c r="AO11" s="322"/>
      <c r="AP11" s="322"/>
      <c r="AQ11" s="322"/>
      <c r="AR11" s="322"/>
      <c r="AS11" s="322"/>
      <c r="AT11" s="322"/>
    </row>
    <row r="12" spans="1:46" ht="36.75" customHeight="1">
      <c r="A12" s="264">
        <f t="shared" ref="A12:A75" si="0">A11+1</f>
        <v>2</v>
      </c>
      <c r="B12" s="274" t="str">
        <f>IF(基本情報入力シート!C41="","",基本情報入力シート!C41)</f>
        <v/>
      </c>
      <c r="C12" s="280" t="str">
        <f>IF(基本情報入力シート!M41="","",基本情報入力シート!M41)</f>
        <v/>
      </c>
      <c r="D12" s="280" t="str">
        <f>IF(基本情報入力シート!R41="","",基本情報入力シート!R41)</f>
        <v/>
      </c>
      <c r="E12" s="280" t="str">
        <f>IF(基本情報入力シート!W41="","",基本情報入力シート!W41)</f>
        <v/>
      </c>
      <c r="F12" s="280" t="str">
        <f>IF(基本情報入力シート!X41="","",基本情報入力シート!X41)</f>
        <v/>
      </c>
      <c r="G12" s="294" t="str">
        <f>IF(基本情報入力シート!Y41="","",基本情報入力シート!Y41)</f>
        <v/>
      </c>
      <c r="H12" s="300" t="str">
        <f>IF(基本情報入力シート!Z41="","",基本情報入力シート!Z41)</f>
        <v/>
      </c>
      <c r="I12" s="309"/>
      <c r="J12" s="317"/>
      <c r="K12" s="321"/>
      <c r="L12" s="322"/>
      <c r="M12" s="322"/>
      <c r="N12" s="322"/>
      <c r="O12" s="322"/>
      <c r="P12" s="322"/>
      <c r="Q12" s="322"/>
      <c r="R12" s="322"/>
      <c r="S12" s="322"/>
      <c r="T12" s="322"/>
      <c r="U12" s="322"/>
      <c r="V12" s="322"/>
      <c r="W12" s="322"/>
      <c r="X12" s="322"/>
      <c r="Y12" s="322"/>
      <c r="Z12" s="322"/>
      <c r="AA12" s="322"/>
      <c r="AB12" s="322"/>
      <c r="AC12" s="322"/>
      <c r="AD12" s="322"/>
      <c r="AE12" s="322"/>
      <c r="AF12" s="322"/>
      <c r="AG12" s="322"/>
      <c r="AH12" s="322"/>
      <c r="AI12" s="322"/>
      <c r="AJ12" s="322"/>
      <c r="AK12" s="322"/>
      <c r="AL12" s="322"/>
      <c r="AM12" s="322"/>
      <c r="AN12" s="322"/>
      <c r="AO12" s="322"/>
      <c r="AP12" s="322"/>
      <c r="AQ12" s="322"/>
      <c r="AR12" s="322"/>
      <c r="AS12" s="322"/>
      <c r="AT12" s="322"/>
    </row>
    <row r="13" spans="1:46" ht="36.75" customHeight="1">
      <c r="A13" s="264">
        <f t="shared" si="0"/>
        <v>3</v>
      </c>
      <c r="B13" s="274" t="str">
        <f>IF(基本情報入力シート!C42="","",基本情報入力シート!C42)</f>
        <v/>
      </c>
      <c r="C13" s="280" t="str">
        <f>IF(基本情報入力シート!M42="","",基本情報入力シート!M42)</f>
        <v/>
      </c>
      <c r="D13" s="280" t="str">
        <f>IF(基本情報入力シート!R42="","",基本情報入力シート!R42)</f>
        <v/>
      </c>
      <c r="E13" s="280" t="str">
        <f>IF(基本情報入力シート!W42="","",基本情報入力シート!W42)</f>
        <v/>
      </c>
      <c r="F13" s="280" t="str">
        <f>IF(基本情報入力シート!X42="","",基本情報入力シート!X42)</f>
        <v/>
      </c>
      <c r="G13" s="280" t="str">
        <f>IF(基本情報入力シート!Y42="","",基本情報入力シート!Y42)</f>
        <v/>
      </c>
      <c r="H13" s="300" t="str">
        <f>IF(基本情報入力シート!Z42="","",基本情報入力シート!Z42)</f>
        <v/>
      </c>
      <c r="I13" s="309"/>
      <c r="J13" s="317"/>
      <c r="K13" s="321"/>
      <c r="L13" s="322"/>
      <c r="M13" s="322"/>
      <c r="N13" s="322"/>
      <c r="O13" s="322"/>
      <c r="P13" s="322"/>
      <c r="Q13" s="322"/>
      <c r="R13" s="322"/>
      <c r="S13" s="322"/>
      <c r="T13" s="322"/>
      <c r="U13" s="322"/>
      <c r="V13" s="322"/>
      <c r="W13" s="322"/>
      <c r="X13" s="322"/>
      <c r="Y13" s="322"/>
      <c r="Z13" s="322"/>
      <c r="AA13" s="322"/>
      <c r="AB13" s="322"/>
      <c r="AC13" s="322"/>
      <c r="AD13" s="322"/>
      <c r="AE13" s="322"/>
      <c r="AF13" s="322"/>
      <c r="AG13" s="322"/>
      <c r="AH13" s="322"/>
      <c r="AI13" s="322"/>
      <c r="AJ13" s="322"/>
      <c r="AK13" s="322"/>
      <c r="AL13" s="322"/>
      <c r="AM13" s="322"/>
      <c r="AN13" s="322"/>
      <c r="AO13" s="322"/>
      <c r="AP13" s="322"/>
      <c r="AQ13" s="322"/>
      <c r="AR13" s="322"/>
      <c r="AS13" s="322"/>
      <c r="AT13" s="322"/>
    </row>
    <row r="14" spans="1:46" ht="36.75" customHeight="1">
      <c r="A14" s="264">
        <f t="shared" si="0"/>
        <v>4</v>
      </c>
      <c r="B14" s="274" t="str">
        <f>IF(基本情報入力シート!C43="","",基本情報入力シート!C43)</f>
        <v/>
      </c>
      <c r="C14" s="280" t="str">
        <f>IF(基本情報入力シート!M43="","",基本情報入力シート!M43)</f>
        <v/>
      </c>
      <c r="D14" s="280" t="str">
        <f>IF(基本情報入力シート!R43="","",基本情報入力シート!R43)</f>
        <v/>
      </c>
      <c r="E14" s="280" t="str">
        <f>IF(基本情報入力シート!W43="","",基本情報入力シート!W43)</f>
        <v/>
      </c>
      <c r="F14" s="280" t="str">
        <f>IF(基本情報入力シート!X43="","",基本情報入力シート!X43)</f>
        <v/>
      </c>
      <c r="G14" s="294" t="str">
        <f>IF(基本情報入力シート!Y43="","",基本情報入力シート!Y43)</f>
        <v/>
      </c>
      <c r="H14" s="300" t="str">
        <f>IF(基本情報入力シート!Z43="","",基本情報入力シート!Z43)</f>
        <v/>
      </c>
      <c r="I14" s="309"/>
      <c r="J14" s="317"/>
      <c r="K14" s="321"/>
      <c r="L14" s="322"/>
      <c r="M14" s="322"/>
      <c r="N14" s="322"/>
      <c r="O14" s="322"/>
      <c r="P14" s="322"/>
      <c r="Q14" s="322"/>
      <c r="R14" s="322"/>
      <c r="S14" s="322"/>
      <c r="T14" s="322"/>
      <c r="U14" s="322"/>
      <c r="V14" s="322"/>
      <c r="W14" s="322"/>
      <c r="X14" s="322"/>
      <c r="Y14" s="322"/>
      <c r="Z14" s="322"/>
      <c r="AA14" s="322"/>
      <c r="AB14" s="322"/>
      <c r="AC14" s="322"/>
      <c r="AD14" s="322"/>
      <c r="AE14" s="322"/>
      <c r="AF14" s="322"/>
      <c r="AG14" s="322"/>
      <c r="AH14" s="322"/>
      <c r="AI14" s="322"/>
      <c r="AJ14" s="322"/>
      <c r="AK14" s="322"/>
      <c r="AL14" s="322"/>
      <c r="AM14" s="322"/>
      <c r="AN14" s="322"/>
      <c r="AO14" s="322"/>
      <c r="AP14" s="322"/>
      <c r="AQ14" s="322"/>
      <c r="AR14" s="322"/>
      <c r="AS14" s="322"/>
      <c r="AT14" s="322"/>
    </row>
    <row r="15" spans="1:46" ht="36.75" customHeight="1">
      <c r="A15" s="264">
        <f t="shared" si="0"/>
        <v>5</v>
      </c>
      <c r="B15" s="274" t="str">
        <f>IF(基本情報入力シート!C44="","",基本情報入力シート!C44)</f>
        <v/>
      </c>
      <c r="C15" s="280" t="str">
        <f>IF(基本情報入力シート!M44="","",基本情報入力シート!M44)</f>
        <v/>
      </c>
      <c r="D15" s="280" t="str">
        <f>IF(基本情報入力シート!R44="","",基本情報入力シート!R44)</f>
        <v/>
      </c>
      <c r="E15" s="280" t="str">
        <f>IF(基本情報入力シート!W44="","",基本情報入力シート!W44)</f>
        <v/>
      </c>
      <c r="F15" s="280" t="str">
        <f>IF(基本情報入力シート!X44="","",基本情報入力シート!X44)</f>
        <v/>
      </c>
      <c r="G15" s="280" t="str">
        <f>IF(基本情報入力シート!Y44="","",基本情報入力シート!Y44)</f>
        <v/>
      </c>
      <c r="H15" s="300" t="str">
        <f>IF(基本情報入力シート!Z44="","",基本情報入力シート!Z44)</f>
        <v/>
      </c>
      <c r="I15" s="309"/>
      <c r="J15" s="317"/>
      <c r="K15" s="123" t="s">
        <v>166</v>
      </c>
    </row>
    <row r="16" spans="1:46" ht="36.75" customHeight="1">
      <c r="A16" s="264">
        <f t="shared" si="0"/>
        <v>6</v>
      </c>
      <c r="B16" s="274" t="str">
        <f>IF(基本情報入力シート!C45="","",基本情報入力シート!C45)</f>
        <v/>
      </c>
      <c r="C16" s="280" t="str">
        <f>IF(基本情報入力シート!M45="","",基本情報入力シート!M45)</f>
        <v/>
      </c>
      <c r="D16" s="280" t="str">
        <f>IF(基本情報入力シート!R45="","",基本情報入力シート!R45)</f>
        <v/>
      </c>
      <c r="E16" s="280" t="str">
        <f>IF(基本情報入力シート!W45="","",基本情報入力シート!W45)</f>
        <v/>
      </c>
      <c r="F16" s="280" t="str">
        <f>IF(基本情報入力シート!X45="","",基本情報入力シート!X45)</f>
        <v/>
      </c>
      <c r="G16" s="280" t="str">
        <f>IF(基本情報入力シート!Y45="","",基本情報入力シート!Y45)</f>
        <v/>
      </c>
      <c r="H16" s="300" t="str">
        <f>IF(基本情報入力シート!Z45="","",基本情報入力シート!Z45)</f>
        <v/>
      </c>
      <c r="I16" s="309"/>
      <c r="J16" s="317"/>
    </row>
    <row r="17" spans="1:10" ht="36.75" customHeight="1">
      <c r="A17" s="264">
        <f t="shared" si="0"/>
        <v>7</v>
      </c>
      <c r="B17" s="274" t="str">
        <f>IF(基本情報入力シート!C46="","",基本情報入力シート!C46)</f>
        <v/>
      </c>
      <c r="C17" s="280" t="str">
        <f>IF(基本情報入力シート!M46="","",基本情報入力シート!M46)</f>
        <v/>
      </c>
      <c r="D17" s="280" t="str">
        <f>IF(基本情報入力シート!R46="","",基本情報入力シート!R46)</f>
        <v/>
      </c>
      <c r="E17" s="280" t="str">
        <f>IF(基本情報入力シート!W46="","",基本情報入力シート!W46)</f>
        <v/>
      </c>
      <c r="F17" s="280" t="str">
        <f>IF(基本情報入力シート!X46="","",基本情報入力シート!X46)</f>
        <v/>
      </c>
      <c r="G17" s="280" t="str">
        <f>IF(基本情報入力シート!Y46="","",基本情報入力シート!Y46)</f>
        <v/>
      </c>
      <c r="H17" s="300" t="str">
        <f>IF(基本情報入力シート!Z46="","",基本情報入力シート!Z46)</f>
        <v/>
      </c>
      <c r="I17" s="309"/>
      <c r="J17" s="317"/>
    </row>
    <row r="18" spans="1:10" ht="36.75" customHeight="1">
      <c r="A18" s="264">
        <f t="shared" si="0"/>
        <v>8</v>
      </c>
      <c r="B18" s="274" t="str">
        <f>IF(基本情報入力シート!C47="","",基本情報入力シート!C47)</f>
        <v/>
      </c>
      <c r="C18" s="280" t="str">
        <f>IF(基本情報入力シート!M47="","",基本情報入力シート!M47)</f>
        <v/>
      </c>
      <c r="D18" s="280" t="str">
        <f>IF(基本情報入力シート!R47="","",基本情報入力シート!R47)</f>
        <v/>
      </c>
      <c r="E18" s="280" t="str">
        <f>IF(基本情報入力シート!W47="","",基本情報入力シート!W47)</f>
        <v/>
      </c>
      <c r="F18" s="280" t="str">
        <f>IF(基本情報入力シート!X47="","",基本情報入力シート!X47)</f>
        <v/>
      </c>
      <c r="G18" s="280" t="str">
        <f>IF(基本情報入力シート!Y47="","",基本情報入力シート!Y47)</f>
        <v/>
      </c>
      <c r="H18" s="300" t="str">
        <f>IF(基本情報入力シート!Z47="","",基本情報入力シート!Z47)</f>
        <v/>
      </c>
      <c r="I18" s="309"/>
      <c r="J18" s="317"/>
    </row>
    <row r="19" spans="1:10" ht="36.75" customHeight="1">
      <c r="A19" s="264">
        <f t="shared" si="0"/>
        <v>9</v>
      </c>
      <c r="B19" s="274" t="str">
        <f>IF(基本情報入力シート!C48="","",基本情報入力シート!C48)</f>
        <v/>
      </c>
      <c r="C19" s="280" t="str">
        <f>IF(基本情報入力シート!M48="","",基本情報入力シート!M48)</f>
        <v/>
      </c>
      <c r="D19" s="280" t="str">
        <f>IF(基本情報入力シート!R48="","",基本情報入力シート!R48)</f>
        <v/>
      </c>
      <c r="E19" s="280" t="str">
        <f>IF(基本情報入力シート!W48="","",基本情報入力シート!W48)</f>
        <v/>
      </c>
      <c r="F19" s="280" t="str">
        <f>IF(基本情報入力シート!X48="","",基本情報入力シート!X48)</f>
        <v/>
      </c>
      <c r="G19" s="280" t="str">
        <f>IF(基本情報入力シート!Y48="","",基本情報入力シート!Y48)</f>
        <v/>
      </c>
      <c r="H19" s="300" t="str">
        <f>IF(基本情報入力シート!Z48="","",基本情報入力シート!Z48)</f>
        <v/>
      </c>
      <c r="I19" s="309"/>
      <c r="J19" s="317"/>
    </row>
    <row r="20" spans="1:10" ht="36.75" customHeight="1">
      <c r="A20" s="264">
        <f t="shared" si="0"/>
        <v>10</v>
      </c>
      <c r="B20" s="274" t="str">
        <f>IF(基本情報入力シート!C49="","",基本情報入力シート!C49)</f>
        <v/>
      </c>
      <c r="C20" s="280" t="str">
        <f>IF(基本情報入力シート!M49="","",基本情報入力シート!M49)</f>
        <v/>
      </c>
      <c r="D20" s="280" t="str">
        <f>IF(基本情報入力シート!R49="","",基本情報入力シート!R49)</f>
        <v/>
      </c>
      <c r="E20" s="280" t="str">
        <f>IF(基本情報入力シート!W49="","",基本情報入力シート!W49)</f>
        <v/>
      </c>
      <c r="F20" s="280" t="str">
        <f>IF(基本情報入力シート!X49="","",基本情報入力シート!X49)</f>
        <v/>
      </c>
      <c r="G20" s="280" t="str">
        <f>IF(基本情報入力シート!Y49="","",基本情報入力シート!Y49)</f>
        <v/>
      </c>
      <c r="H20" s="300" t="str">
        <f>IF(基本情報入力シート!Z49="","",基本情報入力シート!Z49)</f>
        <v/>
      </c>
      <c r="I20" s="309"/>
      <c r="J20" s="317"/>
    </row>
    <row r="21" spans="1:10" ht="36.75" customHeight="1">
      <c r="A21" s="264">
        <f t="shared" si="0"/>
        <v>11</v>
      </c>
      <c r="B21" s="274" t="str">
        <f>IF(基本情報入力シート!C50="","",基本情報入力シート!C50)</f>
        <v/>
      </c>
      <c r="C21" s="280" t="str">
        <f>IF(基本情報入力シート!M50="","",基本情報入力シート!M50)</f>
        <v/>
      </c>
      <c r="D21" s="280" t="str">
        <f>IF(基本情報入力シート!R50="","",基本情報入力シート!R50)</f>
        <v/>
      </c>
      <c r="E21" s="280" t="str">
        <f>IF(基本情報入力シート!W50="","",基本情報入力シート!W50)</f>
        <v/>
      </c>
      <c r="F21" s="280" t="str">
        <f>IF(基本情報入力シート!X50="","",基本情報入力シート!X50)</f>
        <v/>
      </c>
      <c r="G21" s="280" t="str">
        <f>IF(基本情報入力シート!Y50="","",基本情報入力シート!Y50)</f>
        <v/>
      </c>
      <c r="H21" s="300" t="str">
        <f>IF(基本情報入力シート!Z50="","",基本情報入力シート!Z50)</f>
        <v/>
      </c>
      <c r="I21" s="309"/>
      <c r="J21" s="317"/>
    </row>
    <row r="22" spans="1:10" ht="36.75" customHeight="1">
      <c r="A22" s="264">
        <f t="shared" si="0"/>
        <v>12</v>
      </c>
      <c r="B22" s="274" t="str">
        <f>IF(基本情報入力シート!C51="","",基本情報入力シート!C51)</f>
        <v/>
      </c>
      <c r="C22" s="280" t="str">
        <f>IF(基本情報入力シート!M51="","",基本情報入力シート!M51)</f>
        <v/>
      </c>
      <c r="D22" s="280" t="str">
        <f>IF(基本情報入力シート!R51="","",基本情報入力シート!R51)</f>
        <v/>
      </c>
      <c r="E22" s="280" t="str">
        <f>IF(基本情報入力シート!W51="","",基本情報入力シート!W51)</f>
        <v/>
      </c>
      <c r="F22" s="280" t="str">
        <f>IF(基本情報入力シート!X51="","",基本情報入力シート!X51)</f>
        <v/>
      </c>
      <c r="G22" s="280" t="str">
        <f>IF(基本情報入力シート!Y51="","",基本情報入力シート!Y51)</f>
        <v/>
      </c>
      <c r="H22" s="300" t="str">
        <f>IF(基本情報入力シート!Z51="","",基本情報入力シート!Z51)</f>
        <v/>
      </c>
      <c r="I22" s="309"/>
      <c r="J22" s="317"/>
    </row>
    <row r="23" spans="1:10" ht="36.75" customHeight="1">
      <c r="A23" s="264">
        <f t="shared" si="0"/>
        <v>13</v>
      </c>
      <c r="B23" s="274" t="str">
        <f>IF(基本情報入力シート!C52="","",基本情報入力シート!C52)</f>
        <v/>
      </c>
      <c r="C23" s="280" t="str">
        <f>IF(基本情報入力シート!M52="","",基本情報入力シート!M52)</f>
        <v/>
      </c>
      <c r="D23" s="280" t="str">
        <f>IF(基本情報入力シート!R52="","",基本情報入力シート!R52)</f>
        <v/>
      </c>
      <c r="E23" s="280" t="str">
        <f>IF(基本情報入力シート!W52="","",基本情報入力シート!W52)</f>
        <v/>
      </c>
      <c r="F23" s="280" t="str">
        <f>IF(基本情報入力シート!X52="","",基本情報入力シート!X52)</f>
        <v/>
      </c>
      <c r="G23" s="280" t="str">
        <f>IF(基本情報入力シート!Y52="","",基本情報入力シート!Y52)</f>
        <v/>
      </c>
      <c r="H23" s="300" t="str">
        <f>IF(基本情報入力シート!Z52="","",基本情報入力シート!Z52)</f>
        <v/>
      </c>
      <c r="I23" s="309"/>
      <c r="J23" s="317"/>
    </row>
    <row r="24" spans="1:10" ht="36.75" customHeight="1">
      <c r="A24" s="264">
        <f t="shared" si="0"/>
        <v>14</v>
      </c>
      <c r="B24" s="274" t="str">
        <f>IF(基本情報入力シート!C53="","",基本情報入力シート!C53)</f>
        <v/>
      </c>
      <c r="C24" s="280" t="str">
        <f>IF(基本情報入力シート!M53="","",基本情報入力シート!M53)</f>
        <v/>
      </c>
      <c r="D24" s="280" t="str">
        <f>IF(基本情報入力シート!R53="","",基本情報入力シート!R53)</f>
        <v/>
      </c>
      <c r="E24" s="280" t="str">
        <f>IF(基本情報入力シート!W53="","",基本情報入力シート!W53)</f>
        <v/>
      </c>
      <c r="F24" s="280" t="str">
        <f>IF(基本情報入力シート!X53="","",基本情報入力シート!X53)</f>
        <v/>
      </c>
      <c r="G24" s="280" t="str">
        <f>IF(基本情報入力シート!Y53="","",基本情報入力シート!Y53)</f>
        <v/>
      </c>
      <c r="H24" s="300" t="str">
        <f>IF(基本情報入力シート!Z53="","",基本情報入力シート!Z53)</f>
        <v/>
      </c>
      <c r="I24" s="309"/>
      <c r="J24" s="317"/>
    </row>
    <row r="25" spans="1:10" ht="36.75" customHeight="1">
      <c r="A25" s="264">
        <f t="shared" si="0"/>
        <v>15</v>
      </c>
      <c r="B25" s="274" t="str">
        <f>IF(基本情報入力シート!C54="","",基本情報入力シート!C54)</f>
        <v/>
      </c>
      <c r="C25" s="280" t="str">
        <f>IF(基本情報入力シート!M54="","",基本情報入力シート!M54)</f>
        <v/>
      </c>
      <c r="D25" s="280" t="str">
        <f>IF(基本情報入力シート!R54="","",基本情報入力シート!R54)</f>
        <v/>
      </c>
      <c r="E25" s="280" t="str">
        <f>IF(基本情報入力シート!W54="","",基本情報入力シート!W54)</f>
        <v/>
      </c>
      <c r="F25" s="280" t="str">
        <f>IF(基本情報入力シート!X54="","",基本情報入力シート!X54)</f>
        <v/>
      </c>
      <c r="G25" s="280" t="str">
        <f>IF(基本情報入力シート!Y54="","",基本情報入力シート!Y54)</f>
        <v/>
      </c>
      <c r="H25" s="300" t="str">
        <f>IF(基本情報入力シート!Z54="","",基本情報入力シート!Z54)</f>
        <v/>
      </c>
      <c r="I25" s="309"/>
      <c r="J25" s="317"/>
    </row>
    <row r="26" spans="1:10" ht="36.75" customHeight="1">
      <c r="A26" s="264">
        <f t="shared" si="0"/>
        <v>16</v>
      </c>
      <c r="B26" s="274" t="str">
        <f>IF(基本情報入力シート!C55="","",基本情報入力シート!C55)</f>
        <v/>
      </c>
      <c r="C26" s="280" t="str">
        <f>IF(基本情報入力シート!M55="","",基本情報入力シート!M55)</f>
        <v/>
      </c>
      <c r="D26" s="280" t="str">
        <f>IF(基本情報入力シート!R55="","",基本情報入力シート!R55)</f>
        <v/>
      </c>
      <c r="E26" s="280" t="str">
        <f>IF(基本情報入力シート!W55="","",基本情報入力シート!W55)</f>
        <v/>
      </c>
      <c r="F26" s="280" t="str">
        <f>IF(基本情報入力シート!X55="","",基本情報入力シート!X55)</f>
        <v/>
      </c>
      <c r="G26" s="280" t="str">
        <f>IF(基本情報入力シート!Y55="","",基本情報入力シート!Y55)</f>
        <v/>
      </c>
      <c r="H26" s="300" t="str">
        <f>IF(基本情報入力シート!Z55="","",基本情報入力シート!Z55)</f>
        <v/>
      </c>
      <c r="I26" s="309"/>
      <c r="J26" s="317"/>
    </row>
    <row r="27" spans="1:10" ht="36.75" customHeight="1">
      <c r="A27" s="264">
        <f t="shared" si="0"/>
        <v>17</v>
      </c>
      <c r="B27" s="274" t="str">
        <f>IF(基本情報入力シート!C56="","",基本情報入力シート!C56)</f>
        <v/>
      </c>
      <c r="C27" s="280" t="str">
        <f>IF(基本情報入力シート!M56="","",基本情報入力シート!M56)</f>
        <v/>
      </c>
      <c r="D27" s="280" t="str">
        <f>IF(基本情報入力シート!R56="","",基本情報入力シート!R56)</f>
        <v/>
      </c>
      <c r="E27" s="280" t="str">
        <f>IF(基本情報入力シート!W56="","",基本情報入力シート!W56)</f>
        <v/>
      </c>
      <c r="F27" s="280" t="str">
        <f>IF(基本情報入力シート!X56="","",基本情報入力シート!X56)</f>
        <v/>
      </c>
      <c r="G27" s="280" t="str">
        <f>IF(基本情報入力シート!Y56="","",基本情報入力シート!Y56)</f>
        <v/>
      </c>
      <c r="H27" s="300" t="str">
        <f>IF(基本情報入力シート!Z56="","",基本情報入力シート!Z56)</f>
        <v/>
      </c>
      <c r="I27" s="310"/>
      <c r="J27" s="318"/>
    </row>
    <row r="28" spans="1:10" ht="36.75" customHeight="1">
      <c r="A28" s="264">
        <f t="shared" si="0"/>
        <v>18</v>
      </c>
      <c r="B28" s="274" t="str">
        <f>IF(基本情報入力シート!C57="","",基本情報入力シート!C57)</f>
        <v/>
      </c>
      <c r="C28" s="280" t="str">
        <f>IF(基本情報入力シート!M57="","",基本情報入力シート!M57)</f>
        <v/>
      </c>
      <c r="D28" s="280" t="str">
        <f>IF(基本情報入力シート!R57="","",基本情報入力シート!R57)</f>
        <v/>
      </c>
      <c r="E28" s="280" t="str">
        <f>IF(基本情報入力シート!W57="","",基本情報入力シート!W57)</f>
        <v/>
      </c>
      <c r="F28" s="280" t="str">
        <f>IF(基本情報入力シート!X57="","",基本情報入力シート!X57)</f>
        <v/>
      </c>
      <c r="G28" s="280" t="str">
        <f>IF(基本情報入力シート!Y57="","",基本情報入力シート!Y57)</f>
        <v/>
      </c>
      <c r="H28" s="300" t="str">
        <f>IF(基本情報入力シート!Z57="","",基本情報入力シート!Z57)</f>
        <v/>
      </c>
      <c r="I28" s="309"/>
      <c r="J28" s="317"/>
    </row>
    <row r="29" spans="1:10" ht="36.75" customHeight="1">
      <c r="A29" s="264">
        <f t="shared" si="0"/>
        <v>19</v>
      </c>
      <c r="B29" s="274" t="str">
        <f>IF(基本情報入力シート!C58="","",基本情報入力シート!C58)</f>
        <v/>
      </c>
      <c r="C29" s="280" t="str">
        <f>IF(基本情報入力シート!M58="","",基本情報入力シート!M58)</f>
        <v/>
      </c>
      <c r="D29" s="280" t="str">
        <f>IF(基本情報入力シート!R58="","",基本情報入力シート!R58)</f>
        <v/>
      </c>
      <c r="E29" s="280" t="str">
        <f>IF(基本情報入力シート!W58="","",基本情報入力シート!W58)</f>
        <v/>
      </c>
      <c r="F29" s="280" t="str">
        <f>IF(基本情報入力シート!X58="","",基本情報入力シート!X58)</f>
        <v/>
      </c>
      <c r="G29" s="280" t="str">
        <f>IF(基本情報入力シート!Y58="","",基本情報入力シート!Y58)</f>
        <v/>
      </c>
      <c r="H29" s="300" t="str">
        <f>IF(基本情報入力シート!Z58="","",基本情報入力シート!Z58)</f>
        <v/>
      </c>
      <c r="I29" s="309"/>
      <c r="J29" s="317"/>
    </row>
    <row r="30" spans="1:10" ht="36.75" customHeight="1">
      <c r="A30" s="264">
        <f t="shared" si="0"/>
        <v>20</v>
      </c>
      <c r="B30" s="274" t="str">
        <f>IF(基本情報入力シート!C59="","",基本情報入力シート!C59)</f>
        <v/>
      </c>
      <c r="C30" s="280" t="str">
        <f>IF(基本情報入力シート!M59="","",基本情報入力シート!M59)</f>
        <v/>
      </c>
      <c r="D30" s="280" t="str">
        <f>IF(基本情報入力シート!R59="","",基本情報入力シート!R59)</f>
        <v/>
      </c>
      <c r="E30" s="280" t="str">
        <f>IF(基本情報入力シート!W59="","",基本情報入力シート!W59)</f>
        <v/>
      </c>
      <c r="F30" s="280" t="str">
        <f>IF(基本情報入力シート!X59="","",基本情報入力シート!X59)</f>
        <v/>
      </c>
      <c r="G30" s="280" t="str">
        <f>IF(基本情報入力シート!Y59="","",基本情報入力シート!Y59)</f>
        <v/>
      </c>
      <c r="H30" s="300" t="str">
        <f>IF(基本情報入力シート!Z59="","",基本情報入力シート!Z59)</f>
        <v/>
      </c>
      <c r="I30" s="309"/>
      <c r="J30" s="317"/>
    </row>
    <row r="31" spans="1:10" ht="36.75" customHeight="1">
      <c r="A31" s="264">
        <f t="shared" si="0"/>
        <v>21</v>
      </c>
      <c r="B31" s="274" t="str">
        <f>IF(基本情報入力シート!C60="","",基本情報入力シート!C60)</f>
        <v/>
      </c>
      <c r="C31" s="280" t="str">
        <f>IF(基本情報入力シート!M60="","",基本情報入力シート!M60)</f>
        <v/>
      </c>
      <c r="D31" s="280" t="str">
        <f>IF(基本情報入力シート!R60="","",基本情報入力シート!R60)</f>
        <v/>
      </c>
      <c r="E31" s="280" t="str">
        <f>IF(基本情報入力シート!W60="","",基本情報入力シート!W60)</f>
        <v/>
      </c>
      <c r="F31" s="280" t="str">
        <f>IF(基本情報入力シート!X60="","",基本情報入力シート!X60)</f>
        <v/>
      </c>
      <c r="G31" s="280" t="str">
        <f>IF(基本情報入力シート!Y60="","",基本情報入力シート!Y60)</f>
        <v/>
      </c>
      <c r="H31" s="300" t="str">
        <f>IF(基本情報入力シート!Z60="","",基本情報入力シート!Z60)</f>
        <v/>
      </c>
      <c r="I31" s="309"/>
      <c r="J31" s="317"/>
    </row>
    <row r="32" spans="1:10" ht="36.75" customHeight="1">
      <c r="A32" s="264">
        <f t="shared" si="0"/>
        <v>22</v>
      </c>
      <c r="B32" s="274" t="str">
        <f>IF(基本情報入力シート!C61="","",基本情報入力シート!C61)</f>
        <v/>
      </c>
      <c r="C32" s="280" t="str">
        <f>IF(基本情報入力シート!M61="","",基本情報入力シート!M61)</f>
        <v/>
      </c>
      <c r="D32" s="280" t="str">
        <f>IF(基本情報入力シート!R61="","",基本情報入力シート!R61)</f>
        <v/>
      </c>
      <c r="E32" s="280" t="str">
        <f>IF(基本情報入力シート!W61="","",基本情報入力シート!W61)</f>
        <v/>
      </c>
      <c r="F32" s="280" t="str">
        <f>IF(基本情報入力シート!X61="","",基本情報入力シート!X61)</f>
        <v/>
      </c>
      <c r="G32" s="280" t="str">
        <f>IF(基本情報入力シート!Y61="","",基本情報入力シート!Y61)</f>
        <v/>
      </c>
      <c r="H32" s="300" t="str">
        <f>IF(基本情報入力シート!Z61="","",基本情報入力シート!Z61)</f>
        <v/>
      </c>
      <c r="I32" s="309"/>
      <c r="J32" s="317"/>
    </row>
    <row r="33" spans="1:10" ht="36.75" customHeight="1">
      <c r="A33" s="264">
        <f t="shared" si="0"/>
        <v>23</v>
      </c>
      <c r="B33" s="274" t="str">
        <f>IF(基本情報入力シート!C62="","",基本情報入力シート!C62)</f>
        <v/>
      </c>
      <c r="C33" s="280" t="str">
        <f>IF(基本情報入力シート!M62="","",基本情報入力シート!M62)</f>
        <v/>
      </c>
      <c r="D33" s="280" t="str">
        <f>IF(基本情報入力シート!R62="","",基本情報入力シート!R62)</f>
        <v/>
      </c>
      <c r="E33" s="280" t="str">
        <f>IF(基本情報入力シート!W62="","",基本情報入力シート!W62)</f>
        <v/>
      </c>
      <c r="F33" s="280" t="str">
        <f>IF(基本情報入力シート!X62="","",基本情報入力シート!X62)</f>
        <v/>
      </c>
      <c r="G33" s="280" t="str">
        <f>IF(基本情報入力シート!Y62="","",基本情報入力シート!Y62)</f>
        <v/>
      </c>
      <c r="H33" s="300" t="str">
        <f>IF(基本情報入力シート!Z62="","",基本情報入力シート!Z62)</f>
        <v/>
      </c>
      <c r="I33" s="309"/>
      <c r="J33" s="317"/>
    </row>
    <row r="34" spans="1:10" ht="36.75" customHeight="1">
      <c r="A34" s="264">
        <f t="shared" si="0"/>
        <v>24</v>
      </c>
      <c r="B34" s="274" t="str">
        <f>IF(基本情報入力シート!C63="","",基本情報入力シート!C63)</f>
        <v/>
      </c>
      <c r="C34" s="280" t="str">
        <f>IF(基本情報入力シート!M63="","",基本情報入力シート!M63)</f>
        <v/>
      </c>
      <c r="D34" s="280" t="str">
        <f>IF(基本情報入力シート!R63="","",基本情報入力シート!R63)</f>
        <v/>
      </c>
      <c r="E34" s="280" t="str">
        <f>IF(基本情報入力シート!W63="","",基本情報入力シート!W63)</f>
        <v/>
      </c>
      <c r="F34" s="280" t="str">
        <f>IF(基本情報入力シート!X63="","",基本情報入力シート!X63)</f>
        <v/>
      </c>
      <c r="G34" s="280" t="str">
        <f>IF(基本情報入力シート!Y63="","",基本情報入力シート!Y63)</f>
        <v/>
      </c>
      <c r="H34" s="300" t="str">
        <f>IF(基本情報入力シート!Z63="","",基本情報入力シート!Z63)</f>
        <v/>
      </c>
      <c r="I34" s="309"/>
      <c r="J34" s="317"/>
    </row>
    <row r="35" spans="1:10" ht="36.75" customHeight="1">
      <c r="A35" s="264">
        <f t="shared" si="0"/>
        <v>25</v>
      </c>
      <c r="B35" s="274" t="str">
        <f>IF(基本情報入力シート!C64="","",基本情報入力シート!C64)</f>
        <v/>
      </c>
      <c r="C35" s="280" t="str">
        <f>IF(基本情報入力シート!M64="","",基本情報入力シート!M64)</f>
        <v/>
      </c>
      <c r="D35" s="280" t="str">
        <f>IF(基本情報入力シート!R64="","",基本情報入力シート!R64)</f>
        <v/>
      </c>
      <c r="E35" s="280" t="str">
        <f>IF(基本情報入力シート!W64="","",基本情報入力シート!W64)</f>
        <v/>
      </c>
      <c r="F35" s="280" t="str">
        <f>IF(基本情報入力シート!X64="","",基本情報入力シート!X64)</f>
        <v/>
      </c>
      <c r="G35" s="280" t="str">
        <f>IF(基本情報入力シート!Y64="","",基本情報入力シート!Y64)</f>
        <v/>
      </c>
      <c r="H35" s="300" t="str">
        <f>IF(基本情報入力シート!Z64="","",基本情報入力シート!Z64)</f>
        <v/>
      </c>
      <c r="I35" s="309"/>
      <c r="J35" s="317"/>
    </row>
    <row r="36" spans="1:10" ht="36.75" customHeight="1">
      <c r="A36" s="264">
        <f t="shared" si="0"/>
        <v>26</v>
      </c>
      <c r="B36" s="274" t="str">
        <f>IF(基本情報入力シート!C65="","",基本情報入力シート!C65)</f>
        <v/>
      </c>
      <c r="C36" s="280" t="str">
        <f>IF(基本情報入力シート!M65="","",基本情報入力シート!M65)</f>
        <v/>
      </c>
      <c r="D36" s="280" t="str">
        <f>IF(基本情報入力シート!R65="","",基本情報入力シート!R65)</f>
        <v/>
      </c>
      <c r="E36" s="280" t="str">
        <f>IF(基本情報入力シート!W65="","",基本情報入力シート!W65)</f>
        <v/>
      </c>
      <c r="F36" s="280" t="str">
        <f>IF(基本情報入力シート!X65="","",基本情報入力シート!X65)</f>
        <v/>
      </c>
      <c r="G36" s="280" t="str">
        <f>IF(基本情報入力シート!Y65="","",基本情報入力シート!Y65)</f>
        <v/>
      </c>
      <c r="H36" s="300" t="str">
        <f>IF(基本情報入力シート!Z65="","",基本情報入力シート!Z65)</f>
        <v/>
      </c>
      <c r="I36" s="309"/>
      <c r="J36" s="317"/>
    </row>
    <row r="37" spans="1:10" ht="36.75" customHeight="1">
      <c r="A37" s="264">
        <f t="shared" si="0"/>
        <v>27</v>
      </c>
      <c r="B37" s="274" t="str">
        <f>IF(基本情報入力シート!C66="","",基本情報入力シート!C66)</f>
        <v/>
      </c>
      <c r="C37" s="280" t="str">
        <f>IF(基本情報入力シート!M66="","",基本情報入力シート!M66)</f>
        <v/>
      </c>
      <c r="D37" s="280" t="str">
        <f>IF(基本情報入力シート!R66="","",基本情報入力シート!R66)</f>
        <v/>
      </c>
      <c r="E37" s="280" t="str">
        <f>IF(基本情報入力シート!W66="","",基本情報入力シート!W66)</f>
        <v/>
      </c>
      <c r="F37" s="280" t="str">
        <f>IF(基本情報入力シート!X66="","",基本情報入力シート!X66)</f>
        <v/>
      </c>
      <c r="G37" s="280" t="str">
        <f>IF(基本情報入力シート!Y66="","",基本情報入力シート!Y66)</f>
        <v/>
      </c>
      <c r="H37" s="300" t="str">
        <f>IF(基本情報入力シート!Z66="","",基本情報入力シート!Z66)</f>
        <v/>
      </c>
      <c r="I37" s="309"/>
      <c r="J37" s="317"/>
    </row>
    <row r="38" spans="1:10" ht="36.75" customHeight="1">
      <c r="A38" s="264">
        <f t="shared" si="0"/>
        <v>28</v>
      </c>
      <c r="B38" s="274" t="str">
        <f>IF(基本情報入力シート!C67="","",基本情報入力シート!C67)</f>
        <v/>
      </c>
      <c r="C38" s="280" t="str">
        <f>IF(基本情報入力シート!M67="","",基本情報入力シート!M67)</f>
        <v/>
      </c>
      <c r="D38" s="280" t="str">
        <f>IF(基本情報入力シート!R67="","",基本情報入力シート!R67)</f>
        <v/>
      </c>
      <c r="E38" s="280" t="str">
        <f>IF(基本情報入力シート!W67="","",基本情報入力シート!W67)</f>
        <v/>
      </c>
      <c r="F38" s="280" t="str">
        <f>IF(基本情報入力シート!X67="","",基本情報入力シート!X67)</f>
        <v/>
      </c>
      <c r="G38" s="280" t="str">
        <f>IF(基本情報入力シート!Y67="","",基本情報入力シート!Y67)</f>
        <v/>
      </c>
      <c r="H38" s="300" t="str">
        <f>IF(基本情報入力シート!Z67="","",基本情報入力シート!Z67)</f>
        <v/>
      </c>
      <c r="I38" s="309"/>
      <c r="J38" s="317"/>
    </row>
    <row r="39" spans="1:10" ht="36.75" customHeight="1">
      <c r="A39" s="264">
        <f t="shared" si="0"/>
        <v>29</v>
      </c>
      <c r="B39" s="274" t="str">
        <f>IF(基本情報入力シート!C68="","",基本情報入力シート!C68)</f>
        <v/>
      </c>
      <c r="C39" s="280" t="str">
        <f>IF(基本情報入力シート!M68="","",基本情報入力シート!M68)</f>
        <v/>
      </c>
      <c r="D39" s="280" t="str">
        <f>IF(基本情報入力シート!R68="","",基本情報入力シート!R68)</f>
        <v/>
      </c>
      <c r="E39" s="280" t="str">
        <f>IF(基本情報入力シート!W68="","",基本情報入力シート!W68)</f>
        <v/>
      </c>
      <c r="F39" s="280" t="str">
        <f>IF(基本情報入力シート!X68="","",基本情報入力シート!X68)</f>
        <v/>
      </c>
      <c r="G39" s="280" t="str">
        <f>IF(基本情報入力シート!Y68="","",基本情報入力シート!Y68)</f>
        <v/>
      </c>
      <c r="H39" s="300" t="str">
        <f>IF(基本情報入力シート!Z68="","",基本情報入力シート!Z68)</f>
        <v/>
      </c>
      <c r="I39" s="309"/>
      <c r="J39" s="317"/>
    </row>
    <row r="40" spans="1:10" ht="36.75" customHeight="1">
      <c r="A40" s="264">
        <f t="shared" si="0"/>
        <v>30</v>
      </c>
      <c r="B40" s="274" t="str">
        <f>IF(基本情報入力シート!C69="","",基本情報入力シート!C69)</f>
        <v/>
      </c>
      <c r="C40" s="280" t="str">
        <f>IF(基本情報入力シート!M69="","",基本情報入力シート!M69)</f>
        <v/>
      </c>
      <c r="D40" s="280" t="str">
        <f>IF(基本情報入力シート!R69="","",基本情報入力シート!R69)</f>
        <v/>
      </c>
      <c r="E40" s="280" t="str">
        <f>IF(基本情報入力シート!W69="","",基本情報入力シート!W69)</f>
        <v/>
      </c>
      <c r="F40" s="280" t="str">
        <f>IF(基本情報入力シート!X69="","",基本情報入力シート!X69)</f>
        <v/>
      </c>
      <c r="G40" s="280" t="str">
        <f>IF(基本情報入力シート!Y69="","",基本情報入力シート!Y69)</f>
        <v/>
      </c>
      <c r="H40" s="300" t="str">
        <f>IF(基本情報入力シート!Z69="","",基本情報入力シート!Z69)</f>
        <v/>
      </c>
      <c r="I40" s="309"/>
      <c r="J40" s="317"/>
    </row>
    <row r="41" spans="1:10" ht="36.75" customHeight="1">
      <c r="A41" s="264">
        <f t="shared" si="0"/>
        <v>31</v>
      </c>
      <c r="B41" s="274" t="str">
        <f>IF(基本情報入力シート!C70="","",基本情報入力シート!C70)</f>
        <v/>
      </c>
      <c r="C41" s="280" t="str">
        <f>IF(基本情報入力シート!M70="","",基本情報入力シート!M70)</f>
        <v/>
      </c>
      <c r="D41" s="280" t="str">
        <f>IF(基本情報入力シート!R70="","",基本情報入力シート!R70)</f>
        <v/>
      </c>
      <c r="E41" s="280" t="str">
        <f>IF(基本情報入力シート!W70="","",基本情報入力シート!W70)</f>
        <v/>
      </c>
      <c r="F41" s="280" t="str">
        <f>IF(基本情報入力シート!X70="","",基本情報入力シート!X70)</f>
        <v/>
      </c>
      <c r="G41" s="280" t="str">
        <f>IF(基本情報入力シート!Y70="","",基本情報入力シート!Y70)</f>
        <v/>
      </c>
      <c r="H41" s="300" t="str">
        <f>IF(基本情報入力シート!Z70="","",基本情報入力シート!Z70)</f>
        <v/>
      </c>
      <c r="I41" s="309"/>
      <c r="J41" s="317"/>
    </row>
    <row r="42" spans="1:10" ht="36.75" customHeight="1">
      <c r="A42" s="264">
        <f t="shared" si="0"/>
        <v>32</v>
      </c>
      <c r="B42" s="274" t="str">
        <f>IF(基本情報入力シート!C71="","",基本情報入力シート!C71)</f>
        <v/>
      </c>
      <c r="C42" s="280" t="str">
        <f>IF(基本情報入力シート!M71="","",基本情報入力シート!M71)</f>
        <v/>
      </c>
      <c r="D42" s="280" t="str">
        <f>IF(基本情報入力シート!R71="","",基本情報入力シート!R71)</f>
        <v/>
      </c>
      <c r="E42" s="280" t="str">
        <f>IF(基本情報入力シート!W71="","",基本情報入力シート!W71)</f>
        <v/>
      </c>
      <c r="F42" s="280" t="str">
        <f>IF(基本情報入力シート!X71="","",基本情報入力シート!X71)</f>
        <v/>
      </c>
      <c r="G42" s="280" t="str">
        <f>IF(基本情報入力シート!Y71="","",基本情報入力シート!Y71)</f>
        <v/>
      </c>
      <c r="H42" s="300" t="str">
        <f>IF(基本情報入力シート!Z71="","",基本情報入力シート!Z71)</f>
        <v/>
      </c>
      <c r="I42" s="309"/>
      <c r="J42" s="317"/>
    </row>
    <row r="43" spans="1:10" ht="36.75" customHeight="1">
      <c r="A43" s="264">
        <f t="shared" si="0"/>
        <v>33</v>
      </c>
      <c r="B43" s="274" t="str">
        <f>IF(基本情報入力シート!C72="","",基本情報入力シート!C72)</f>
        <v/>
      </c>
      <c r="C43" s="280" t="str">
        <f>IF(基本情報入力シート!M72="","",基本情報入力シート!M72)</f>
        <v/>
      </c>
      <c r="D43" s="280" t="str">
        <f>IF(基本情報入力シート!R72="","",基本情報入力シート!R72)</f>
        <v/>
      </c>
      <c r="E43" s="280" t="str">
        <f>IF(基本情報入力シート!W72="","",基本情報入力シート!W72)</f>
        <v/>
      </c>
      <c r="F43" s="280" t="str">
        <f>IF(基本情報入力シート!X72="","",基本情報入力シート!X72)</f>
        <v/>
      </c>
      <c r="G43" s="280" t="str">
        <f>IF(基本情報入力シート!Y72="","",基本情報入力シート!Y72)</f>
        <v/>
      </c>
      <c r="H43" s="300" t="str">
        <f>IF(基本情報入力シート!Z72="","",基本情報入力シート!Z72)</f>
        <v/>
      </c>
      <c r="I43" s="309"/>
      <c r="J43" s="317"/>
    </row>
    <row r="44" spans="1:10" ht="36.75" customHeight="1">
      <c r="A44" s="264">
        <f t="shared" si="0"/>
        <v>34</v>
      </c>
      <c r="B44" s="274" t="str">
        <f>IF(基本情報入力シート!C73="","",基本情報入力シート!C73)</f>
        <v/>
      </c>
      <c r="C44" s="280" t="str">
        <f>IF(基本情報入力シート!M73="","",基本情報入力シート!M73)</f>
        <v/>
      </c>
      <c r="D44" s="280" t="str">
        <f>IF(基本情報入力シート!R73="","",基本情報入力シート!R73)</f>
        <v/>
      </c>
      <c r="E44" s="280" t="str">
        <f>IF(基本情報入力シート!W73="","",基本情報入力シート!W73)</f>
        <v/>
      </c>
      <c r="F44" s="280" t="str">
        <f>IF(基本情報入力シート!X73="","",基本情報入力シート!X73)</f>
        <v/>
      </c>
      <c r="G44" s="280" t="str">
        <f>IF(基本情報入力シート!Y73="","",基本情報入力シート!Y73)</f>
        <v/>
      </c>
      <c r="H44" s="300" t="str">
        <f>IF(基本情報入力シート!Z73="","",基本情報入力シート!Z73)</f>
        <v/>
      </c>
      <c r="I44" s="309"/>
      <c r="J44" s="317"/>
    </row>
    <row r="45" spans="1:10" ht="36.75" customHeight="1">
      <c r="A45" s="264">
        <f t="shared" si="0"/>
        <v>35</v>
      </c>
      <c r="B45" s="274" t="str">
        <f>IF(基本情報入力シート!C74="","",基本情報入力シート!C74)</f>
        <v/>
      </c>
      <c r="C45" s="280" t="str">
        <f>IF(基本情報入力シート!M74="","",基本情報入力シート!M74)</f>
        <v/>
      </c>
      <c r="D45" s="280" t="str">
        <f>IF(基本情報入力シート!R74="","",基本情報入力シート!R74)</f>
        <v/>
      </c>
      <c r="E45" s="280" t="str">
        <f>IF(基本情報入力シート!W74="","",基本情報入力シート!W74)</f>
        <v/>
      </c>
      <c r="F45" s="280" t="str">
        <f>IF(基本情報入力シート!X74="","",基本情報入力シート!X74)</f>
        <v/>
      </c>
      <c r="G45" s="280" t="str">
        <f>IF(基本情報入力シート!Y74="","",基本情報入力シート!Y74)</f>
        <v/>
      </c>
      <c r="H45" s="300" t="str">
        <f>IF(基本情報入力シート!Z74="","",基本情報入力シート!Z74)</f>
        <v/>
      </c>
      <c r="I45" s="309"/>
      <c r="J45" s="317"/>
    </row>
    <row r="46" spans="1:10" ht="36.75" customHeight="1">
      <c r="A46" s="264">
        <f t="shared" si="0"/>
        <v>36</v>
      </c>
      <c r="B46" s="274" t="str">
        <f>IF(基本情報入力シート!C75="","",基本情報入力シート!C75)</f>
        <v/>
      </c>
      <c r="C46" s="280" t="str">
        <f>IF(基本情報入力シート!M75="","",基本情報入力シート!M75)</f>
        <v/>
      </c>
      <c r="D46" s="280" t="str">
        <f>IF(基本情報入力シート!R75="","",基本情報入力シート!R75)</f>
        <v/>
      </c>
      <c r="E46" s="280" t="str">
        <f>IF(基本情報入力シート!W75="","",基本情報入力シート!W75)</f>
        <v/>
      </c>
      <c r="F46" s="280" t="str">
        <f>IF(基本情報入力シート!X75="","",基本情報入力シート!X75)</f>
        <v/>
      </c>
      <c r="G46" s="280" t="str">
        <f>IF(基本情報入力シート!Y75="","",基本情報入力シート!Y75)</f>
        <v/>
      </c>
      <c r="H46" s="300" t="str">
        <f>IF(基本情報入力シート!Z75="","",基本情報入力シート!Z75)</f>
        <v/>
      </c>
      <c r="I46" s="309"/>
      <c r="J46" s="317"/>
    </row>
    <row r="47" spans="1:10" ht="36.75" customHeight="1">
      <c r="A47" s="264">
        <f t="shared" si="0"/>
        <v>37</v>
      </c>
      <c r="B47" s="274" t="str">
        <f>IF(基本情報入力シート!C76="","",基本情報入力シート!C76)</f>
        <v/>
      </c>
      <c r="C47" s="280" t="str">
        <f>IF(基本情報入力シート!M76="","",基本情報入力シート!M76)</f>
        <v/>
      </c>
      <c r="D47" s="280" t="str">
        <f>IF(基本情報入力シート!R76="","",基本情報入力シート!R76)</f>
        <v/>
      </c>
      <c r="E47" s="280" t="str">
        <f>IF(基本情報入力シート!W76="","",基本情報入力シート!W76)</f>
        <v/>
      </c>
      <c r="F47" s="280" t="str">
        <f>IF(基本情報入力シート!X76="","",基本情報入力シート!X76)</f>
        <v/>
      </c>
      <c r="G47" s="280" t="str">
        <f>IF(基本情報入力シート!Y76="","",基本情報入力シート!Y76)</f>
        <v/>
      </c>
      <c r="H47" s="300" t="str">
        <f>IF(基本情報入力シート!Z76="","",基本情報入力シート!Z76)</f>
        <v/>
      </c>
      <c r="I47" s="309"/>
      <c r="J47" s="317"/>
    </row>
    <row r="48" spans="1:10" ht="36.75" customHeight="1">
      <c r="A48" s="264">
        <f t="shared" si="0"/>
        <v>38</v>
      </c>
      <c r="B48" s="274" t="str">
        <f>IF(基本情報入力シート!C77="","",基本情報入力シート!C77)</f>
        <v/>
      </c>
      <c r="C48" s="280" t="str">
        <f>IF(基本情報入力シート!M77="","",基本情報入力シート!M77)</f>
        <v/>
      </c>
      <c r="D48" s="280" t="str">
        <f>IF(基本情報入力シート!R77="","",基本情報入力シート!R77)</f>
        <v/>
      </c>
      <c r="E48" s="280" t="str">
        <f>IF(基本情報入力シート!W77="","",基本情報入力シート!W77)</f>
        <v/>
      </c>
      <c r="F48" s="280" t="str">
        <f>IF(基本情報入力シート!X77="","",基本情報入力シート!X77)</f>
        <v/>
      </c>
      <c r="G48" s="280" t="str">
        <f>IF(基本情報入力シート!Y77="","",基本情報入力シート!Y77)</f>
        <v/>
      </c>
      <c r="H48" s="300" t="str">
        <f>IF(基本情報入力シート!Z77="","",基本情報入力シート!Z77)</f>
        <v/>
      </c>
      <c r="I48" s="309"/>
      <c r="J48" s="317"/>
    </row>
    <row r="49" spans="1:10" ht="36.75" customHeight="1">
      <c r="A49" s="264">
        <f t="shared" si="0"/>
        <v>39</v>
      </c>
      <c r="B49" s="274" t="str">
        <f>IF(基本情報入力シート!C78="","",基本情報入力シート!C78)</f>
        <v/>
      </c>
      <c r="C49" s="280" t="str">
        <f>IF(基本情報入力シート!M78="","",基本情報入力シート!M78)</f>
        <v/>
      </c>
      <c r="D49" s="280" t="str">
        <f>IF(基本情報入力シート!R78="","",基本情報入力シート!R78)</f>
        <v/>
      </c>
      <c r="E49" s="280" t="str">
        <f>IF(基本情報入力シート!W78="","",基本情報入力シート!W78)</f>
        <v/>
      </c>
      <c r="F49" s="280" t="str">
        <f>IF(基本情報入力シート!X78="","",基本情報入力シート!X78)</f>
        <v/>
      </c>
      <c r="G49" s="280" t="str">
        <f>IF(基本情報入力シート!Y78="","",基本情報入力シート!Y78)</f>
        <v/>
      </c>
      <c r="H49" s="300" t="str">
        <f>IF(基本情報入力シート!Z78="","",基本情報入力シート!Z78)</f>
        <v/>
      </c>
      <c r="I49" s="309"/>
      <c r="J49" s="317"/>
    </row>
    <row r="50" spans="1:10" ht="36.75" customHeight="1">
      <c r="A50" s="264">
        <f t="shared" si="0"/>
        <v>40</v>
      </c>
      <c r="B50" s="274" t="str">
        <f>IF(基本情報入力シート!C79="","",基本情報入力シート!C79)</f>
        <v/>
      </c>
      <c r="C50" s="280" t="str">
        <f>IF(基本情報入力シート!M79="","",基本情報入力シート!M79)</f>
        <v/>
      </c>
      <c r="D50" s="280" t="str">
        <f>IF(基本情報入力シート!R79="","",基本情報入力シート!R79)</f>
        <v/>
      </c>
      <c r="E50" s="280" t="str">
        <f>IF(基本情報入力シート!W79="","",基本情報入力シート!W79)</f>
        <v/>
      </c>
      <c r="F50" s="280" t="str">
        <f>IF(基本情報入力シート!X79="","",基本情報入力シート!X79)</f>
        <v/>
      </c>
      <c r="G50" s="280" t="str">
        <f>IF(基本情報入力シート!Y79="","",基本情報入力シート!Y79)</f>
        <v/>
      </c>
      <c r="H50" s="300" t="str">
        <f>IF(基本情報入力シート!Z79="","",基本情報入力シート!Z79)</f>
        <v/>
      </c>
      <c r="I50" s="309"/>
      <c r="J50" s="317"/>
    </row>
    <row r="51" spans="1:10" ht="36.75" customHeight="1">
      <c r="A51" s="264">
        <f t="shared" si="0"/>
        <v>41</v>
      </c>
      <c r="B51" s="274" t="str">
        <f>IF(基本情報入力シート!C80="","",基本情報入力シート!C80)</f>
        <v/>
      </c>
      <c r="C51" s="280" t="str">
        <f>IF(基本情報入力シート!M80="","",基本情報入力シート!M80)</f>
        <v/>
      </c>
      <c r="D51" s="280" t="str">
        <f>IF(基本情報入力シート!R80="","",基本情報入力シート!R80)</f>
        <v/>
      </c>
      <c r="E51" s="280" t="str">
        <f>IF(基本情報入力シート!W80="","",基本情報入力シート!W80)</f>
        <v/>
      </c>
      <c r="F51" s="280" t="str">
        <f>IF(基本情報入力シート!X80="","",基本情報入力シート!X80)</f>
        <v/>
      </c>
      <c r="G51" s="280" t="str">
        <f>IF(基本情報入力シート!Y80="","",基本情報入力シート!Y80)</f>
        <v/>
      </c>
      <c r="H51" s="300" t="str">
        <f>IF(基本情報入力シート!Z80="","",基本情報入力シート!Z80)</f>
        <v/>
      </c>
      <c r="I51" s="309"/>
      <c r="J51" s="317"/>
    </row>
    <row r="52" spans="1:10" ht="36.75" customHeight="1">
      <c r="A52" s="264">
        <f t="shared" si="0"/>
        <v>42</v>
      </c>
      <c r="B52" s="274" t="str">
        <f>IF(基本情報入力シート!C81="","",基本情報入力シート!C81)</f>
        <v/>
      </c>
      <c r="C52" s="280" t="str">
        <f>IF(基本情報入力シート!M81="","",基本情報入力シート!M81)</f>
        <v/>
      </c>
      <c r="D52" s="280" t="str">
        <f>IF(基本情報入力シート!R81="","",基本情報入力シート!R81)</f>
        <v/>
      </c>
      <c r="E52" s="280" t="str">
        <f>IF(基本情報入力シート!W81="","",基本情報入力シート!W81)</f>
        <v/>
      </c>
      <c r="F52" s="280" t="str">
        <f>IF(基本情報入力シート!X81="","",基本情報入力シート!X81)</f>
        <v/>
      </c>
      <c r="G52" s="280" t="str">
        <f>IF(基本情報入力シート!Y81="","",基本情報入力シート!Y81)</f>
        <v/>
      </c>
      <c r="H52" s="300" t="str">
        <f>IF(基本情報入力シート!Z81="","",基本情報入力シート!Z81)</f>
        <v/>
      </c>
      <c r="I52" s="309"/>
      <c r="J52" s="317"/>
    </row>
    <row r="53" spans="1:10" ht="36.75" customHeight="1">
      <c r="A53" s="264">
        <f t="shared" si="0"/>
        <v>43</v>
      </c>
      <c r="B53" s="274" t="str">
        <f>IF(基本情報入力シート!C82="","",基本情報入力シート!C82)</f>
        <v/>
      </c>
      <c r="C53" s="280" t="str">
        <f>IF(基本情報入力シート!M82="","",基本情報入力シート!M82)</f>
        <v/>
      </c>
      <c r="D53" s="280" t="str">
        <f>IF(基本情報入力シート!R82="","",基本情報入力シート!R82)</f>
        <v/>
      </c>
      <c r="E53" s="280" t="str">
        <f>IF(基本情報入力シート!W82="","",基本情報入力シート!W82)</f>
        <v/>
      </c>
      <c r="F53" s="280" t="str">
        <f>IF(基本情報入力シート!X82="","",基本情報入力シート!X82)</f>
        <v/>
      </c>
      <c r="G53" s="280" t="str">
        <f>IF(基本情報入力シート!Y82="","",基本情報入力シート!Y82)</f>
        <v/>
      </c>
      <c r="H53" s="300" t="str">
        <f>IF(基本情報入力シート!Z82="","",基本情報入力シート!Z82)</f>
        <v/>
      </c>
      <c r="I53" s="309"/>
      <c r="J53" s="317"/>
    </row>
    <row r="54" spans="1:10" ht="36.75" customHeight="1">
      <c r="A54" s="264">
        <f t="shared" si="0"/>
        <v>44</v>
      </c>
      <c r="B54" s="274" t="str">
        <f>IF(基本情報入力シート!C83="","",基本情報入力シート!C83)</f>
        <v/>
      </c>
      <c r="C54" s="280" t="str">
        <f>IF(基本情報入力シート!M83="","",基本情報入力シート!M83)</f>
        <v/>
      </c>
      <c r="D54" s="280" t="str">
        <f>IF(基本情報入力シート!R83="","",基本情報入力シート!R83)</f>
        <v/>
      </c>
      <c r="E54" s="280" t="str">
        <f>IF(基本情報入力シート!W83="","",基本情報入力シート!W83)</f>
        <v/>
      </c>
      <c r="F54" s="280" t="str">
        <f>IF(基本情報入力シート!X83="","",基本情報入力シート!X83)</f>
        <v/>
      </c>
      <c r="G54" s="280" t="str">
        <f>IF(基本情報入力シート!Y83="","",基本情報入力シート!Y83)</f>
        <v/>
      </c>
      <c r="H54" s="300" t="str">
        <f>IF(基本情報入力シート!Z83="","",基本情報入力シート!Z83)</f>
        <v/>
      </c>
      <c r="I54" s="309"/>
      <c r="J54" s="317"/>
    </row>
    <row r="55" spans="1:10" ht="36.75" customHeight="1">
      <c r="A55" s="264">
        <f t="shared" si="0"/>
        <v>45</v>
      </c>
      <c r="B55" s="274" t="str">
        <f>IF(基本情報入力シート!C84="","",基本情報入力シート!C84)</f>
        <v/>
      </c>
      <c r="C55" s="280" t="str">
        <f>IF(基本情報入力シート!M84="","",基本情報入力シート!M84)</f>
        <v/>
      </c>
      <c r="D55" s="280" t="str">
        <f>IF(基本情報入力シート!R84="","",基本情報入力シート!R84)</f>
        <v/>
      </c>
      <c r="E55" s="280" t="str">
        <f>IF(基本情報入力シート!W84="","",基本情報入力シート!W84)</f>
        <v/>
      </c>
      <c r="F55" s="280" t="str">
        <f>IF(基本情報入力シート!X84="","",基本情報入力シート!X84)</f>
        <v/>
      </c>
      <c r="G55" s="280" t="str">
        <f>IF(基本情報入力シート!Y84="","",基本情報入力シート!Y84)</f>
        <v/>
      </c>
      <c r="H55" s="300" t="str">
        <f>IF(基本情報入力シート!Z84="","",基本情報入力シート!Z84)</f>
        <v/>
      </c>
      <c r="I55" s="309"/>
      <c r="J55" s="317"/>
    </row>
    <row r="56" spans="1:10" ht="36.75" customHeight="1">
      <c r="A56" s="264">
        <f t="shared" si="0"/>
        <v>46</v>
      </c>
      <c r="B56" s="274" t="str">
        <f>IF(基本情報入力シート!C85="","",基本情報入力シート!C85)</f>
        <v/>
      </c>
      <c r="C56" s="280" t="str">
        <f>IF(基本情報入力シート!M85="","",基本情報入力シート!M85)</f>
        <v/>
      </c>
      <c r="D56" s="280" t="str">
        <f>IF(基本情報入力シート!R85="","",基本情報入力シート!R85)</f>
        <v/>
      </c>
      <c r="E56" s="280" t="str">
        <f>IF(基本情報入力シート!W85="","",基本情報入力シート!W85)</f>
        <v/>
      </c>
      <c r="F56" s="280" t="str">
        <f>IF(基本情報入力シート!X85="","",基本情報入力シート!X85)</f>
        <v/>
      </c>
      <c r="G56" s="280" t="str">
        <f>IF(基本情報入力シート!Y85="","",基本情報入力シート!Y85)</f>
        <v/>
      </c>
      <c r="H56" s="300" t="str">
        <f>IF(基本情報入力シート!Z85="","",基本情報入力シート!Z85)</f>
        <v/>
      </c>
      <c r="I56" s="309"/>
      <c r="J56" s="317"/>
    </row>
    <row r="57" spans="1:10" ht="36.75" customHeight="1">
      <c r="A57" s="264">
        <f t="shared" si="0"/>
        <v>47</v>
      </c>
      <c r="B57" s="274" t="str">
        <f>IF(基本情報入力シート!C86="","",基本情報入力シート!C86)</f>
        <v/>
      </c>
      <c r="C57" s="280" t="str">
        <f>IF(基本情報入力シート!M86="","",基本情報入力シート!M86)</f>
        <v/>
      </c>
      <c r="D57" s="280" t="str">
        <f>IF(基本情報入力シート!R86="","",基本情報入力シート!R86)</f>
        <v/>
      </c>
      <c r="E57" s="280" t="str">
        <f>IF(基本情報入力シート!W86="","",基本情報入力シート!W86)</f>
        <v/>
      </c>
      <c r="F57" s="280" t="str">
        <f>IF(基本情報入力シート!X86="","",基本情報入力シート!X86)</f>
        <v/>
      </c>
      <c r="G57" s="280" t="str">
        <f>IF(基本情報入力シート!Y86="","",基本情報入力シート!Y86)</f>
        <v/>
      </c>
      <c r="H57" s="300" t="str">
        <f>IF(基本情報入力シート!Z86="","",基本情報入力シート!Z86)</f>
        <v/>
      </c>
      <c r="I57" s="309"/>
      <c r="J57" s="317"/>
    </row>
    <row r="58" spans="1:10" ht="36.75" customHeight="1">
      <c r="A58" s="264">
        <f t="shared" si="0"/>
        <v>48</v>
      </c>
      <c r="B58" s="274" t="str">
        <f>IF(基本情報入力シート!C87="","",基本情報入力シート!C87)</f>
        <v/>
      </c>
      <c r="C58" s="280" t="str">
        <f>IF(基本情報入力シート!M87="","",基本情報入力シート!M87)</f>
        <v/>
      </c>
      <c r="D58" s="280" t="str">
        <f>IF(基本情報入力シート!R87="","",基本情報入力シート!R87)</f>
        <v/>
      </c>
      <c r="E58" s="280" t="str">
        <f>IF(基本情報入力シート!W87="","",基本情報入力シート!W87)</f>
        <v/>
      </c>
      <c r="F58" s="280" t="str">
        <f>IF(基本情報入力シート!X87="","",基本情報入力シート!X87)</f>
        <v/>
      </c>
      <c r="G58" s="280" t="str">
        <f>IF(基本情報入力シート!Y87="","",基本情報入力シート!Y87)</f>
        <v/>
      </c>
      <c r="H58" s="300" t="str">
        <f>IF(基本情報入力シート!Z87="","",基本情報入力シート!Z87)</f>
        <v/>
      </c>
      <c r="I58" s="309"/>
      <c r="J58" s="317"/>
    </row>
    <row r="59" spans="1:10" ht="36.75" customHeight="1">
      <c r="A59" s="264">
        <f t="shared" si="0"/>
        <v>49</v>
      </c>
      <c r="B59" s="274" t="str">
        <f>IF(基本情報入力シート!C88="","",基本情報入力シート!C88)</f>
        <v/>
      </c>
      <c r="C59" s="280" t="str">
        <f>IF(基本情報入力シート!M88="","",基本情報入力シート!M88)</f>
        <v/>
      </c>
      <c r="D59" s="280" t="str">
        <f>IF(基本情報入力シート!R88="","",基本情報入力シート!R88)</f>
        <v/>
      </c>
      <c r="E59" s="280" t="str">
        <f>IF(基本情報入力シート!W88="","",基本情報入力シート!W88)</f>
        <v/>
      </c>
      <c r="F59" s="280" t="str">
        <f>IF(基本情報入力シート!X88="","",基本情報入力シート!X88)</f>
        <v/>
      </c>
      <c r="G59" s="280" t="str">
        <f>IF(基本情報入力シート!Y88="","",基本情報入力シート!Y88)</f>
        <v/>
      </c>
      <c r="H59" s="300" t="str">
        <f>IF(基本情報入力シート!Z88="","",基本情報入力シート!Z88)</f>
        <v/>
      </c>
      <c r="I59" s="309"/>
      <c r="J59" s="317"/>
    </row>
    <row r="60" spans="1:10" ht="36.75" customHeight="1">
      <c r="A60" s="264">
        <f t="shared" si="0"/>
        <v>50</v>
      </c>
      <c r="B60" s="274" t="str">
        <f>IF(基本情報入力シート!C89="","",基本情報入力シート!C89)</f>
        <v/>
      </c>
      <c r="C60" s="280" t="str">
        <f>IF(基本情報入力シート!M89="","",基本情報入力シート!M89)</f>
        <v/>
      </c>
      <c r="D60" s="280" t="str">
        <f>IF(基本情報入力シート!R89="","",基本情報入力シート!R89)</f>
        <v/>
      </c>
      <c r="E60" s="280" t="str">
        <f>IF(基本情報入力シート!W89="","",基本情報入力シート!W89)</f>
        <v/>
      </c>
      <c r="F60" s="280" t="str">
        <f>IF(基本情報入力シート!X89="","",基本情報入力シート!X89)</f>
        <v/>
      </c>
      <c r="G60" s="280" t="str">
        <f>IF(基本情報入力シート!Y89="","",基本情報入力シート!Y89)</f>
        <v/>
      </c>
      <c r="H60" s="300" t="str">
        <f>IF(基本情報入力シート!Z89="","",基本情報入力シート!Z89)</f>
        <v/>
      </c>
      <c r="I60" s="309"/>
      <c r="J60" s="317"/>
    </row>
    <row r="61" spans="1:10" ht="36.75" customHeight="1">
      <c r="A61" s="264">
        <f t="shared" si="0"/>
        <v>51</v>
      </c>
      <c r="B61" s="274" t="str">
        <f>IF(基本情報入力シート!C90="","",基本情報入力シート!C90)</f>
        <v/>
      </c>
      <c r="C61" s="280" t="str">
        <f>IF(基本情報入力シート!M90="","",基本情報入力シート!M90)</f>
        <v/>
      </c>
      <c r="D61" s="280" t="str">
        <f>IF(基本情報入力シート!R90="","",基本情報入力シート!R90)</f>
        <v/>
      </c>
      <c r="E61" s="280" t="str">
        <f>IF(基本情報入力シート!W90="","",基本情報入力シート!W90)</f>
        <v/>
      </c>
      <c r="F61" s="280" t="str">
        <f>IF(基本情報入力シート!X90="","",基本情報入力シート!X90)</f>
        <v/>
      </c>
      <c r="G61" s="280" t="str">
        <f>IF(基本情報入力シート!Y90="","",基本情報入力シート!Y90)</f>
        <v/>
      </c>
      <c r="H61" s="300" t="str">
        <f>IF(基本情報入力シート!Z90="","",基本情報入力シート!Z90)</f>
        <v/>
      </c>
      <c r="I61" s="309"/>
      <c r="J61" s="317"/>
    </row>
    <row r="62" spans="1:10" ht="36.75" customHeight="1">
      <c r="A62" s="264">
        <f t="shared" si="0"/>
        <v>52</v>
      </c>
      <c r="B62" s="274" t="str">
        <f>IF(基本情報入力シート!C91="","",基本情報入力シート!C91)</f>
        <v/>
      </c>
      <c r="C62" s="280" t="str">
        <f>IF(基本情報入力シート!M91="","",基本情報入力シート!M91)</f>
        <v/>
      </c>
      <c r="D62" s="280" t="str">
        <f>IF(基本情報入力シート!R91="","",基本情報入力シート!R91)</f>
        <v/>
      </c>
      <c r="E62" s="280" t="str">
        <f>IF(基本情報入力シート!W91="","",基本情報入力シート!W91)</f>
        <v/>
      </c>
      <c r="F62" s="280" t="str">
        <f>IF(基本情報入力シート!X91="","",基本情報入力シート!X91)</f>
        <v/>
      </c>
      <c r="G62" s="280" t="str">
        <f>IF(基本情報入力シート!Y91="","",基本情報入力シート!Y91)</f>
        <v/>
      </c>
      <c r="H62" s="300" t="str">
        <f>IF(基本情報入力シート!Z91="","",基本情報入力シート!Z91)</f>
        <v/>
      </c>
      <c r="I62" s="309"/>
      <c r="J62" s="317"/>
    </row>
    <row r="63" spans="1:10" ht="36.75" customHeight="1">
      <c r="A63" s="264">
        <f t="shared" si="0"/>
        <v>53</v>
      </c>
      <c r="B63" s="274" t="str">
        <f>IF(基本情報入力シート!C92="","",基本情報入力シート!C92)</f>
        <v/>
      </c>
      <c r="C63" s="280" t="str">
        <f>IF(基本情報入力シート!M92="","",基本情報入力シート!M92)</f>
        <v/>
      </c>
      <c r="D63" s="280" t="str">
        <f>IF(基本情報入力シート!R92="","",基本情報入力シート!R92)</f>
        <v/>
      </c>
      <c r="E63" s="280" t="str">
        <f>IF(基本情報入力シート!W92="","",基本情報入力シート!W92)</f>
        <v/>
      </c>
      <c r="F63" s="280" t="str">
        <f>IF(基本情報入力シート!X92="","",基本情報入力シート!X92)</f>
        <v/>
      </c>
      <c r="G63" s="280" t="str">
        <f>IF(基本情報入力シート!Y92="","",基本情報入力シート!Y92)</f>
        <v/>
      </c>
      <c r="H63" s="300" t="str">
        <f>IF(基本情報入力シート!Z92="","",基本情報入力シート!Z92)</f>
        <v/>
      </c>
      <c r="I63" s="309"/>
      <c r="J63" s="317"/>
    </row>
    <row r="64" spans="1:10" ht="36.75" customHeight="1">
      <c r="A64" s="264">
        <f t="shared" si="0"/>
        <v>54</v>
      </c>
      <c r="B64" s="274" t="str">
        <f>IF(基本情報入力シート!C93="","",基本情報入力シート!C93)</f>
        <v/>
      </c>
      <c r="C64" s="280" t="str">
        <f>IF(基本情報入力シート!M93="","",基本情報入力シート!M93)</f>
        <v/>
      </c>
      <c r="D64" s="280" t="str">
        <f>IF(基本情報入力シート!R93="","",基本情報入力シート!R93)</f>
        <v/>
      </c>
      <c r="E64" s="280" t="str">
        <f>IF(基本情報入力シート!W93="","",基本情報入力シート!W93)</f>
        <v/>
      </c>
      <c r="F64" s="280" t="str">
        <f>IF(基本情報入力シート!X93="","",基本情報入力シート!X93)</f>
        <v/>
      </c>
      <c r="G64" s="280" t="str">
        <f>IF(基本情報入力シート!Y93="","",基本情報入力シート!Y93)</f>
        <v/>
      </c>
      <c r="H64" s="300" t="str">
        <f>IF(基本情報入力シート!Z93="","",基本情報入力シート!Z93)</f>
        <v/>
      </c>
      <c r="I64" s="309"/>
      <c r="J64" s="317"/>
    </row>
    <row r="65" spans="1:10" ht="36.75" customHeight="1">
      <c r="A65" s="264">
        <f t="shared" si="0"/>
        <v>55</v>
      </c>
      <c r="B65" s="274" t="str">
        <f>IF(基本情報入力シート!C94="","",基本情報入力シート!C94)</f>
        <v/>
      </c>
      <c r="C65" s="280" t="str">
        <f>IF(基本情報入力シート!M94="","",基本情報入力シート!M94)</f>
        <v/>
      </c>
      <c r="D65" s="280" t="str">
        <f>IF(基本情報入力シート!R94="","",基本情報入力シート!R94)</f>
        <v/>
      </c>
      <c r="E65" s="280" t="str">
        <f>IF(基本情報入力シート!W94="","",基本情報入力シート!W94)</f>
        <v/>
      </c>
      <c r="F65" s="280" t="str">
        <f>IF(基本情報入力シート!X94="","",基本情報入力シート!X94)</f>
        <v/>
      </c>
      <c r="G65" s="280" t="str">
        <f>IF(基本情報入力シート!Y94="","",基本情報入力シート!Y94)</f>
        <v/>
      </c>
      <c r="H65" s="300" t="str">
        <f>IF(基本情報入力シート!Z94="","",基本情報入力シート!Z94)</f>
        <v/>
      </c>
      <c r="I65" s="309"/>
      <c r="J65" s="317"/>
    </row>
    <row r="66" spans="1:10" ht="36.75" customHeight="1">
      <c r="A66" s="264">
        <f t="shared" si="0"/>
        <v>56</v>
      </c>
      <c r="B66" s="274" t="str">
        <f>IF(基本情報入力シート!C95="","",基本情報入力シート!C95)</f>
        <v/>
      </c>
      <c r="C66" s="280" t="str">
        <f>IF(基本情報入力シート!M95="","",基本情報入力シート!M95)</f>
        <v/>
      </c>
      <c r="D66" s="280" t="str">
        <f>IF(基本情報入力シート!R95="","",基本情報入力シート!R95)</f>
        <v/>
      </c>
      <c r="E66" s="280" t="str">
        <f>IF(基本情報入力シート!W95="","",基本情報入力シート!W95)</f>
        <v/>
      </c>
      <c r="F66" s="280" t="str">
        <f>IF(基本情報入力シート!X95="","",基本情報入力シート!X95)</f>
        <v/>
      </c>
      <c r="G66" s="280" t="str">
        <f>IF(基本情報入力シート!Y95="","",基本情報入力シート!Y95)</f>
        <v/>
      </c>
      <c r="H66" s="300" t="str">
        <f>IF(基本情報入力シート!Z95="","",基本情報入力シート!Z95)</f>
        <v/>
      </c>
      <c r="I66" s="309"/>
      <c r="J66" s="317"/>
    </row>
    <row r="67" spans="1:10" ht="36.75" customHeight="1">
      <c r="A67" s="264">
        <f t="shared" si="0"/>
        <v>57</v>
      </c>
      <c r="B67" s="274" t="str">
        <f>IF(基本情報入力シート!C96="","",基本情報入力シート!C96)</f>
        <v/>
      </c>
      <c r="C67" s="280" t="str">
        <f>IF(基本情報入力シート!M96="","",基本情報入力シート!M96)</f>
        <v/>
      </c>
      <c r="D67" s="280" t="str">
        <f>IF(基本情報入力シート!R96="","",基本情報入力シート!R96)</f>
        <v/>
      </c>
      <c r="E67" s="280" t="str">
        <f>IF(基本情報入力シート!W96="","",基本情報入力シート!W96)</f>
        <v/>
      </c>
      <c r="F67" s="280" t="str">
        <f>IF(基本情報入力シート!X96="","",基本情報入力シート!X96)</f>
        <v/>
      </c>
      <c r="G67" s="280" t="str">
        <f>IF(基本情報入力シート!Y96="","",基本情報入力シート!Y96)</f>
        <v/>
      </c>
      <c r="H67" s="300" t="str">
        <f>IF(基本情報入力シート!Z96="","",基本情報入力シート!Z96)</f>
        <v/>
      </c>
      <c r="I67" s="309"/>
      <c r="J67" s="317"/>
    </row>
    <row r="68" spans="1:10" ht="36.75" customHeight="1">
      <c r="A68" s="264">
        <f t="shared" si="0"/>
        <v>58</v>
      </c>
      <c r="B68" s="274" t="str">
        <f>IF(基本情報入力シート!C97="","",基本情報入力シート!C97)</f>
        <v/>
      </c>
      <c r="C68" s="280" t="str">
        <f>IF(基本情報入力シート!M97="","",基本情報入力シート!M97)</f>
        <v/>
      </c>
      <c r="D68" s="280" t="str">
        <f>IF(基本情報入力シート!R97="","",基本情報入力シート!R97)</f>
        <v/>
      </c>
      <c r="E68" s="280" t="str">
        <f>IF(基本情報入力シート!W97="","",基本情報入力シート!W97)</f>
        <v/>
      </c>
      <c r="F68" s="280" t="str">
        <f>IF(基本情報入力シート!X97="","",基本情報入力シート!X97)</f>
        <v/>
      </c>
      <c r="G68" s="280" t="str">
        <f>IF(基本情報入力シート!Y97="","",基本情報入力シート!Y97)</f>
        <v/>
      </c>
      <c r="H68" s="300" t="str">
        <f>IF(基本情報入力シート!Z97="","",基本情報入力シート!Z97)</f>
        <v/>
      </c>
      <c r="I68" s="309"/>
      <c r="J68" s="317"/>
    </row>
    <row r="69" spans="1:10" ht="36.75" customHeight="1">
      <c r="A69" s="264">
        <f t="shared" si="0"/>
        <v>59</v>
      </c>
      <c r="B69" s="274" t="str">
        <f>IF(基本情報入力シート!C98="","",基本情報入力シート!C98)</f>
        <v/>
      </c>
      <c r="C69" s="280" t="str">
        <f>IF(基本情報入力シート!M98="","",基本情報入力シート!M98)</f>
        <v/>
      </c>
      <c r="D69" s="280" t="str">
        <f>IF(基本情報入力シート!R98="","",基本情報入力シート!R98)</f>
        <v/>
      </c>
      <c r="E69" s="280" t="str">
        <f>IF(基本情報入力シート!W98="","",基本情報入力シート!W98)</f>
        <v/>
      </c>
      <c r="F69" s="280" t="str">
        <f>IF(基本情報入力シート!X98="","",基本情報入力シート!X98)</f>
        <v/>
      </c>
      <c r="G69" s="280" t="str">
        <f>IF(基本情報入力シート!Y98="","",基本情報入力シート!Y98)</f>
        <v/>
      </c>
      <c r="H69" s="300" t="str">
        <f>IF(基本情報入力シート!Z98="","",基本情報入力シート!Z98)</f>
        <v/>
      </c>
      <c r="I69" s="309"/>
      <c r="J69" s="317"/>
    </row>
    <row r="70" spans="1:10" ht="36.75" customHeight="1">
      <c r="A70" s="264">
        <f t="shared" si="0"/>
        <v>60</v>
      </c>
      <c r="B70" s="274" t="str">
        <f>IF(基本情報入力シート!C99="","",基本情報入力シート!C99)</f>
        <v/>
      </c>
      <c r="C70" s="280" t="str">
        <f>IF(基本情報入力シート!M99="","",基本情報入力シート!M99)</f>
        <v/>
      </c>
      <c r="D70" s="280" t="str">
        <f>IF(基本情報入力シート!R99="","",基本情報入力シート!R99)</f>
        <v/>
      </c>
      <c r="E70" s="280" t="str">
        <f>IF(基本情報入力シート!W99="","",基本情報入力シート!W99)</f>
        <v/>
      </c>
      <c r="F70" s="280" t="str">
        <f>IF(基本情報入力シート!X99="","",基本情報入力シート!X99)</f>
        <v/>
      </c>
      <c r="G70" s="280" t="str">
        <f>IF(基本情報入力シート!Y99="","",基本情報入力シート!Y99)</f>
        <v/>
      </c>
      <c r="H70" s="300" t="str">
        <f>IF(基本情報入力シート!Z99="","",基本情報入力シート!Z99)</f>
        <v/>
      </c>
      <c r="I70" s="309"/>
      <c r="J70" s="317"/>
    </row>
    <row r="71" spans="1:10" ht="36.75" customHeight="1">
      <c r="A71" s="264">
        <f t="shared" si="0"/>
        <v>61</v>
      </c>
      <c r="B71" s="274" t="str">
        <f>IF(基本情報入力シート!C100="","",基本情報入力シート!C100)</f>
        <v/>
      </c>
      <c r="C71" s="280" t="str">
        <f>IF(基本情報入力シート!M100="","",基本情報入力シート!M100)</f>
        <v/>
      </c>
      <c r="D71" s="280" t="str">
        <f>IF(基本情報入力シート!R100="","",基本情報入力シート!R100)</f>
        <v/>
      </c>
      <c r="E71" s="280" t="str">
        <f>IF(基本情報入力シート!W100="","",基本情報入力シート!W100)</f>
        <v/>
      </c>
      <c r="F71" s="280" t="str">
        <f>IF(基本情報入力シート!X100="","",基本情報入力シート!X100)</f>
        <v/>
      </c>
      <c r="G71" s="280" t="str">
        <f>IF(基本情報入力シート!Y100="","",基本情報入力シート!Y100)</f>
        <v/>
      </c>
      <c r="H71" s="300" t="str">
        <f>IF(基本情報入力シート!Z100="","",基本情報入力シート!Z100)</f>
        <v/>
      </c>
      <c r="I71" s="309"/>
      <c r="J71" s="317"/>
    </row>
    <row r="72" spans="1:10" ht="36.75" customHeight="1">
      <c r="A72" s="264">
        <f t="shared" si="0"/>
        <v>62</v>
      </c>
      <c r="B72" s="274" t="str">
        <f>IF(基本情報入力シート!C101="","",基本情報入力シート!C101)</f>
        <v/>
      </c>
      <c r="C72" s="280" t="str">
        <f>IF(基本情報入力シート!M101="","",基本情報入力シート!M101)</f>
        <v/>
      </c>
      <c r="D72" s="280" t="str">
        <f>IF(基本情報入力シート!R101="","",基本情報入力シート!R101)</f>
        <v/>
      </c>
      <c r="E72" s="280" t="str">
        <f>IF(基本情報入力シート!W101="","",基本情報入力シート!W101)</f>
        <v/>
      </c>
      <c r="F72" s="280" t="str">
        <f>IF(基本情報入力シート!X101="","",基本情報入力シート!X101)</f>
        <v/>
      </c>
      <c r="G72" s="280" t="str">
        <f>IF(基本情報入力シート!Y101="","",基本情報入力シート!Y101)</f>
        <v/>
      </c>
      <c r="H72" s="300" t="str">
        <f>IF(基本情報入力シート!Z101="","",基本情報入力シート!Z101)</f>
        <v/>
      </c>
      <c r="I72" s="309"/>
      <c r="J72" s="317"/>
    </row>
    <row r="73" spans="1:10" ht="36.75" customHeight="1">
      <c r="A73" s="264">
        <f t="shared" si="0"/>
        <v>63</v>
      </c>
      <c r="B73" s="274" t="str">
        <f>IF(基本情報入力シート!C102="","",基本情報入力シート!C102)</f>
        <v/>
      </c>
      <c r="C73" s="280" t="str">
        <f>IF(基本情報入力シート!M102="","",基本情報入力シート!M102)</f>
        <v/>
      </c>
      <c r="D73" s="280" t="str">
        <f>IF(基本情報入力シート!R102="","",基本情報入力シート!R102)</f>
        <v/>
      </c>
      <c r="E73" s="280" t="str">
        <f>IF(基本情報入力シート!W102="","",基本情報入力シート!W102)</f>
        <v/>
      </c>
      <c r="F73" s="280" t="str">
        <f>IF(基本情報入力シート!X102="","",基本情報入力シート!X102)</f>
        <v/>
      </c>
      <c r="G73" s="280" t="str">
        <f>IF(基本情報入力シート!Y102="","",基本情報入力シート!Y102)</f>
        <v/>
      </c>
      <c r="H73" s="300" t="str">
        <f>IF(基本情報入力シート!Z102="","",基本情報入力シート!Z102)</f>
        <v/>
      </c>
      <c r="I73" s="309"/>
      <c r="J73" s="317"/>
    </row>
    <row r="74" spans="1:10" ht="36.75" customHeight="1">
      <c r="A74" s="264">
        <f t="shared" si="0"/>
        <v>64</v>
      </c>
      <c r="B74" s="274" t="str">
        <f>IF(基本情報入力シート!C103="","",基本情報入力シート!C103)</f>
        <v/>
      </c>
      <c r="C74" s="280" t="str">
        <f>IF(基本情報入力シート!M103="","",基本情報入力シート!M103)</f>
        <v/>
      </c>
      <c r="D74" s="280" t="str">
        <f>IF(基本情報入力シート!R103="","",基本情報入力シート!R103)</f>
        <v/>
      </c>
      <c r="E74" s="280" t="str">
        <f>IF(基本情報入力シート!W103="","",基本情報入力シート!W103)</f>
        <v/>
      </c>
      <c r="F74" s="280" t="str">
        <f>IF(基本情報入力シート!X103="","",基本情報入力シート!X103)</f>
        <v/>
      </c>
      <c r="G74" s="280" t="str">
        <f>IF(基本情報入力シート!Y103="","",基本情報入力シート!Y103)</f>
        <v/>
      </c>
      <c r="H74" s="300" t="str">
        <f>IF(基本情報入力シート!Z103="","",基本情報入力シート!Z103)</f>
        <v/>
      </c>
      <c r="I74" s="309"/>
      <c r="J74" s="317"/>
    </row>
    <row r="75" spans="1:10" ht="36.75" customHeight="1">
      <c r="A75" s="264">
        <f t="shared" si="0"/>
        <v>65</v>
      </c>
      <c r="B75" s="274" t="str">
        <f>IF(基本情報入力シート!C104="","",基本情報入力シート!C104)</f>
        <v/>
      </c>
      <c r="C75" s="280" t="str">
        <f>IF(基本情報入力シート!M104="","",基本情報入力シート!M104)</f>
        <v/>
      </c>
      <c r="D75" s="280" t="str">
        <f>IF(基本情報入力シート!R104="","",基本情報入力シート!R104)</f>
        <v/>
      </c>
      <c r="E75" s="280" t="str">
        <f>IF(基本情報入力シート!W104="","",基本情報入力シート!W104)</f>
        <v/>
      </c>
      <c r="F75" s="280" t="str">
        <f>IF(基本情報入力シート!X104="","",基本情報入力シート!X104)</f>
        <v/>
      </c>
      <c r="G75" s="280" t="str">
        <f>IF(基本情報入力シート!Y104="","",基本情報入力シート!Y104)</f>
        <v/>
      </c>
      <c r="H75" s="300" t="str">
        <f>IF(基本情報入力シート!Z104="","",基本情報入力シート!Z104)</f>
        <v/>
      </c>
      <c r="I75" s="309"/>
      <c r="J75" s="317"/>
    </row>
    <row r="76" spans="1:10" ht="36.75" customHeight="1">
      <c r="A76" s="264">
        <f t="shared" ref="A76:A111" si="1">A75+1</f>
        <v>66</v>
      </c>
      <c r="B76" s="274" t="str">
        <f>IF(基本情報入力シート!C105="","",基本情報入力シート!C105)</f>
        <v/>
      </c>
      <c r="C76" s="280" t="str">
        <f>IF(基本情報入力シート!M105="","",基本情報入力シート!M105)</f>
        <v/>
      </c>
      <c r="D76" s="280" t="str">
        <f>IF(基本情報入力シート!R105="","",基本情報入力シート!R105)</f>
        <v/>
      </c>
      <c r="E76" s="280" t="str">
        <f>IF(基本情報入力シート!W105="","",基本情報入力シート!W105)</f>
        <v/>
      </c>
      <c r="F76" s="280" t="str">
        <f>IF(基本情報入力シート!X105="","",基本情報入力シート!X105)</f>
        <v/>
      </c>
      <c r="G76" s="280" t="str">
        <f>IF(基本情報入力シート!Y105="","",基本情報入力シート!Y105)</f>
        <v/>
      </c>
      <c r="H76" s="300" t="str">
        <f>IF(基本情報入力シート!Z105="","",基本情報入力シート!Z105)</f>
        <v/>
      </c>
      <c r="I76" s="309"/>
      <c r="J76" s="317"/>
    </row>
    <row r="77" spans="1:10" ht="36.75" customHeight="1">
      <c r="A77" s="264">
        <f t="shared" si="1"/>
        <v>67</v>
      </c>
      <c r="B77" s="274" t="str">
        <f>IF(基本情報入力シート!C106="","",基本情報入力シート!C106)</f>
        <v/>
      </c>
      <c r="C77" s="280" t="str">
        <f>IF(基本情報入力シート!M106="","",基本情報入力シート!M106)</f>
        <v/>
      </c>
      <c r="D77" s="280" t="str">
        <f>IF(基本情報入力シート!R106="","",基本情報入力シート!R106)</f>
        <v/>
      </c>
      <c r="E77" s="280" t="str">
        <f>IF(基本情報入力シート!W106="","",基本情報入力シート!W106)</f>
        <v/>
      </c>
      <c r="F77" s="280" t="str">
        <f>IF(基本情報入力シート!X106="","",基本情報入力シート!X106)</f>
        <v/>
      </c>
      <c r="G77" s="280" t="str">
        <f>IF(基本情報入力シート!Y106="","",基本情報入力シート!Y106)</f>
        <v/>
      </c>
      <c r="H77" s="300" t="str">
        <f>IF(基本情報入力シート!Z106="","",基本情報入力シート!Z106)</f>
        <v/>
      </c>
      <c r="I77" s="309"/>
      <c r="J77" s="317"/>
    </row>
    <row r="78" spans="1:10" ht="36.75" customHeight="1">
      <c r="A78" s="264">
        <f t="shared" si="1"/>
        <v>68</v>
      </c>
      <c r="B78" s="274" t="str">
        <f>IF(基本情報入力シート!C107="","",基本情報入力シート!C107)</f>
        <v/>
      </c>
      <c r="C78" s="280" t="str">
        <f>IF(基本情報入力シート!M107="","",基本情報入力シート!M107)</f>
        <v/>
      </c>
      <c r="D78" s="280" t="str">
        <f>IF(基本情報入力シート!R107="","",基本情報入力シート!R107)</f>
        <v/>
      </c>
      <c r="E78" s="280" t="str">
        <f>IF(基本情報入力シート!W107="","",基本情報入力シート!W107)</f>
        <v/>
      </c>
      <c r="F78" s="280" t="str">
        <f>IF(基本情報入力シート!X107="","",基本情報入力シート!X107)</f>
        <v/>
      </c>
      <c r="G78" s="280" t="str">
        <f>IF(基本情報入力シート!Y107="","",基本情報入力シート!Y107)</f>
        <v/>
      </c>
      <c r="H78" s="300" t="str">
        <f>IF(基本情報入力シート!Z107="","",基本情報入力シート!Z107)</f>
        <v/>
      </c>
      <c r="I78" s="309"/>
      <c r="J78" s="317"/>
    </row>
    <row r="79" spans="1:10" ht="36.75" customHeight="1">
      <c r="A79" s="264">
        <f t="shared" si="1"/>
        <v>69</v>
      </c>
      <c r="B79" s="274" t="str">
        <f>IF(基本情報入力シート!C108="","",基本情報入力シート!C108)</f>
        <v/>
      </c>
      <c r="C79" s="280" t="str">
        <f>IF(基本情報入力シート!M108="","",基本情報入力シート!M108)</f>
        <v/>
      </c>
      <c r="D79" s="280" t="str">
        <f>IF(基本情報入力シート!R108="","",基本情報入力シート!R108)</f>
        <v/>
      </c>
      <c r="E79" s="280" t="str">
        <f>IF(基本情報入力シート!W108="","",基本情報入力シート!W108)</f>
        <v/>
      </c>
      <c r="F79" s="280" t="str">
        <f>IF(基本情報入力シート!X108="","",基本情報入力シート!X108)</f>
        <v/>
      </c>
      <c r="G79" s="280" t="str">
        <f>IF(基本情報入力シート!Y108="","",基本情報入力シート!Y108)</f>
        <v/>
      </c>
      <c r="H79" s="300" t="str">
        <f>IF(基本情報入力シート!Z108="","",基本情報入力シート!Z108)</f>
        <v/>
      </c>
      <c r="I79" s="309"/>
      <c r="J79" s="317"/>
    </row>
    <row r="80" spans="1:10" ht="36.75" customHeight="1">
      <c r="A80" s="264">
        <f t="shared" si="1"/>
        <v>70</v>
      </c>
      <c r="B80" s="274" t="str">
        <f>IF(基本情報入力シート!C109="","",基本情報入力シート!C109)</f>
        <v/>
      </c>
      <c r="C80" s="280" t="str">
        <f>IF(基本情報入力シート!M109="","",基本情報入力シート!M109)</f>
        <v/>
      </c>
      <c r="D80" s="280" t="str">
        <f>IF(基本情報入力シート!R109="","",基本情報入力シート!R109)</f>
        <v/>
      </c>
      <c r="E80" s="280" t="str">
        <f>IF(基本情報入力シート!W109="","",基本情報入力シート!W109)</f>
        <v/>
      </c>
      <c r="F80" s="280" t="str">
        <f>IF(基本情報入力シート!X109="","",基本情報入力シート!X109)</f>
        <v/>
      </c>
      <c r="G80" s="280" t="str">
        <f>IF(基本情報入力シート!Y109="","",基本情報入力シート!Y109)</f>
        <v/>
      </c>
      <c r="H80" s="300" t="str">
        <f>IF(基本情報入力シート!Z109="","",基本情報入力シート!Z109)</f>
        <v/>
      </c>
      <c r="I80" s="309"/>
      <c r="J80" s="317"/>
    </row>
    <row r="81" spans="1:10" ht="36.75" customHeight="1">
      <c r="A81" s="264">
        <f t="shared" si="1"/>
        <v>71</v>
      </c>
      <c r="B81" s="274" t="str">
        <f>IF(基本情報入力シート!C110="","",基本情報入力シート!C110)</f>
        <v/>
      </c>
      <c r="C81" s="280" t="str">
        <f>IF(基本情報入力シート!M110="","",基本情報入力シート!M110)</f>
        <v/>
      </c>
      <c r="D81" s="280" t="str">
        <f>IF(基本情報入力シート!R110="","",基本情報入力シート!R110)</f>
        <v/>
      </c>
      <c r="E81" s="280" t="str">
        <f>IF(基本情報入力シート!W110="","",基本情報入力シート!W110)</f>
        <v/>
      </c>
      <c r="F81" s="280" t="str">
        <f>IF(基本情報入力シート!X110="","",基本情報入力シート!X110)</f>
        <v/>
      </c>
      <c r="G81" s="280" t="str">
        <f>IF(基本情報入力シート!Y110="","",基本情報入力シート!Y110)</f>
        <v/>
      </c>
      <c r="H81" s="300" t="str">
        <f>IF(基本情報入力シート!Z110="","",基本情報入力シート!Z110)</f>
        <v/>
      </c>
      <c r="I81" s="309"/>
      <c r="J81" s="317"/>
    </row>
    <row r="82" spans="1:10" ht="36.75" customHeight="1">
      <c r="A82" s="264">
        <f t="shared" si="1"/>
        <v>72</v>
      </c>
      <c r="B82" s="274" t="str">
        <f>IF(基本情報入力シート!C111="","",基本情報入力シート!C111)</f>
        <v/>
      </c>
      <c r="C82" s="280" t="str">
        <f>IF(基本情報入力シート!M111="","",基本情報入力シート!M111)</f>
        <v/>
      </c>
      <c r="D82" s="280" t="str">
        <f>IF(基本情報入力シート!R111="","",基本情報入力シート!R111)</f>
        <v/>
      </c>
      <c r="E82" s="280" t="str">
        <f>IF(基本情報入力シート!W111="","",基本情報入力シート!W111)</f>
        <v/>
      </c>
      <c r="F82" s="280" t="str">
        <f>IF(基本情報入力シート!X111="","",基本情報入力シート!X111)</f>
        <v/>
      </c>
      <c r="G82" s="280" t="str">
        <f>IF(基本情報入力シート!Y111="","",基本情報入力シート!Y111)</f>
        <v/>
      </c>
      <c r="H82" s="300" t="str">
        <f>IF(基本情報入力シート!Z111="","",基本情報入力シート!Z111)</f>
        <v/>
      </c>
      <c r="I82" s="309"/>
      <c r="J82" s="317"/>
    </row>
    <row r="83" spans="1:10" ht="36.75" customHeight="1">
      <c r="A83" s="264">
        <f t="shared" si="1"/>
        <v>73</v>
      </c>
      <c r="B83" s="274" t="str">
        <f>IF(基本情報入力シート!C112="","",基本情報入力シート!C112)</f>
        <v/>
      </c>
      <c r="C83" s="280" t="str">
        <f>IF(基本情報入力シート!M112="","",基本情報入力シート!M112)</f>
        <v/>
      </c>
      <c r="D83" s="280" t="str">
        <f>IF(基本情報入力シート!R112="","",基本情報入力シート!R112)</f>
        <v/>
      </c>
      <c r="E83" s="280" t="str">
        <f>IF(基本情報入力シート!W112="","",基本情報入力シート!W112)</f>
        <v/>
      </c>
      <c r="F83" s="280" t="str">
        <f>IF(基本情報入力シート!X112="","",基本情報入力シート!X112)</f>
        <v/>
      </c>
      <c r="G83" s="280" t="str">
        <f>IF(基本情報入力シート!Y112="","",基本情報入力シート!Y112)</f>
        <v/>
      </c>
      <c r="H83" s="300" t="str">
        <f>IF(基本情報入力シート!Z112="","",基本情報入力シート!Z112)</f>
        <v/>
      </c>
      <c r="I83" s="309"/>
      <c r="J83" s="317"/>
    </row>
    <row r="84" spans="1:10" ht="36.75" customHeight="1">
      <c r="A84" s="264">
        <f t="shared" si="1"/>
        <v>74</v>
      </c>
      <c r="B84" s="274" t="str">
        <f>IF(基本情報入力シート!C113="","",基本情報入力シート!C113)</f>
        <v/>
      </c>
      <c r="C84" s="280" t="str">
        <f>IF(基本情報入力シート!M113="","",基本情報入力シート!M113)</f>
        <v/>
      </c>
      <c r="D84" s="280" t="str">
        <f>IF(基本情報入力シート!R113="","",基本情報入力シート!R113)</f>
        <v/>
      </c>
      <c r="E84" s="280" t="str">
        <f>IF(基本情報入力シート!W113="","",基本情報入力シート!W113)</f>
        <v/>
      </c>
      <c r="F84" s="280" t="str">
        <f>IF(基本情報入力シート!X113="","",基本情報入力シート!X113)</f>
        <v/>
      </c>
      <c r="G84" s="280" t="str">
        <f>IF(基本情報入力シート!Y113="","",基本情報入力シート!Y113)</f>
        <v/>
      </c>
      <c r="H84" s="300" t="str">
        <f>IF(基本情報入力シート!Z113="","",基本情報入力シート!Z113)</f>
        <v/>
      </c>
      <c r="I84" s="309"/>
      <c r="J84" s="317"/>
    </row>
    <row r="85" spans="1:10" ht="36.75" customHeight="1">
      <c r="A85" s="264">
        <f t="shared" si="1"/>
        <v>75</v>
      </c>
      <c r="B85" s="274" t="str">
        <f>IF(基本情報入力シート!C114="","",基本情報入力シート!C114)</f>
        <v/>
      </c>
      <c r="C85" s="280" t="str">
        <f>IF(基本情報入力シート!M114="","",基本情報入力シート!M114)</f>
        <v/>
      </c>
      <c r="D85" s="280" t="str">
        <f>IF(基本情報入力シート!R114="","",基本情報入力シート!R114)</f>
        <v/>
      </c>
      <c r="E85" s="280" t="str">
        <f>IF(基本情報入力シート!W114="","",基本情報入力シート!W114)</f>
        <v/>
      </c>
      <c r="F85" s="280" t="str">
        <f>IF(基本情報入力シート!X114="","",基本情報入力シート!X114)</f>
        <v/>
      </c>
      <c r="G85" s="280" t="str">
        <f>IF(基本情報入力シート!Y114="","",基本情報入力シート!Y114)</f>
        <v/>
      </c>
      <c r="H85" s="300" t="str">
        <f>IF(基本情報入力シート!Z114="","",基本情報入力シート!Z114)</f>
        <v/>
      </c>
      <c r="I85" s="309"/>
      <c r="J85" s="317"/>
    </row>
    <row r="86" spans="1:10" ht="36.75" customHeight="1">
      <c r="A86" s="264">
        <f t="shared" si="1"/>
        <v>76</v>
      </c>
      <c r="B86" s="274" t="str">
        <f>IF(基本情報入力シート!C115="","",基本情報入力シート!C115)</f>
        <v/>
      </c>
      <c r="C86" s="280" t="str">
        <f>IF(基本情報入力シート!M115="","",基本情報入力シート!M115)</f>
        <v/>
      </c>
      <c r="D86" s="280" t="str">
        <f>IF(基本情報入力シート!R115="","",基本情報入力シート!R115)</f>
        <v/>
      </c>
      <c r="E86" s="280" t="str">
        <f>IF(基本情報入力シート!W115="","",基本情報入力シート!W115)</f>
        <v/>
      </c>
      <c r="F86" s="280" t="str">
        <f>IF(基本情報入力シート!X115="","",基本情報入力シート!X115)</f>
        <v/>
      </c>
      <c r="G86" s="280" t="str">
        <f>IF(基本情報入力シート!Y115="","",基本情報入力シート!Y115)</f>
        <v/>
      </c>
      <c r="H86" s="300" t="str">
        <f>IF(基本情報入力シート!Z115="","",基本情報入力シート!Z115)</f>
        <v/>
      </c>
      <c r="I86" s="309"/>
      <c r="J86" s="317"/>
    </row>
    <row r="87" spans="1:10" ht="36.75" customHeight="1">
      <c r="A87" s="264">
        <f t="shared" si="1"/>
        <v>77</v>
      </c>
      <c r="B87" s="274" t="str">
        <f>IF(基本情報入力シート!C116="","",基本情報入力シート!C116)</f>
        <v/>
      </c>
      <c r="C87" s="280" t="str">
        <f>IF(基本情報入力シート!M116="","",基本情報入力シート!M116)</f>
        <v/>
      </c>
      <c r="D87" s="280" t="str">
        <f>IF(基本情報入力シート!R116="","",基本情報入力シート!R116)</f>
        <v/>
      </c>
      <c r="E87" s="280" t="str">
        <f>IF(基本情報入力シート!W116="","",基本情報入力シート!W116)</f>
        <v/>
      </c>
      <c r="F87" s="280" t="str">
        <f>IF(基本情報入力シート!X116="","",基本情報入力シート!X116)</f>
        <v/>
      </c>
      <c r="G87" s="280" t="str">
        <f>IF(基本情報入力シート!Y116="","",基本情報入力シート!Y116)</f>
        <v/>
      </c>
      <c r="H87" s="300" t="str">
        <f>IF(基本情報入力シート!Z116="","",基本情報入力シート!Z116)</f>
        <v/>
      </c>
      <c r="I87" s="309"/>
      <c r="J87" s="317"/>
    </row>
    <row r="88" spans="1:10" ht="36.75" customHeight="1">
      <c r="A88" s="264">
        <f t="shared" si="1"/>
        <v>78</v>
      </c>
      <c r="B88" s="274" t="str">
        <f>IF(基本情報入力シート!C117="","",基本情報入力シート!C117)</f>
        <v/>
      </c>
      <c r="C88" s="280" t="str">
        <f>IF(基本情報入力シート!M117="","",基本情報入力シート!M117)</f>
        <v/>
      </c>
      <c r="D88" s="280" t="str">
        <f>IF(基本情報入力シート!R117="","",基本情報入力シート!R117)</f>
        <v/>
      </c>
      <c r="E88" s="280" t="str">
        <f>IF(基本情報入力シート!W117="","",基本情報入力シート!W117)</f>
        <v/>
      </c>
      <c r="F88" s="280" t="str">
        <f>IF(基本情報入力シート!X117="","",基本情報入力シート!X117)</f>
        <v/>
      </c>
      <c r="G88" s="280" t="str">
        <f>IF(基本情報入力シート!Y117="","",基本情報入力シート!Y117)</f>
        <v/>
      </c>
      <c r="H88" s="300" t="str">
        <f>IF(基本情報入力シート!Z117="","",基本情報入力シート!Z117)</f>
        <v/>
      </c>
      <c r="I88" s="309"/>
      <c r="J88" s="317"/>
    </row>
    <row r="89" spans="1:10" ht="36.75" customHeight="1">
      <c r="A89" s="264">
        <f t="shared" si="1"/>
        <v>79</v>
      </c>
      <c r="B89" s="274" t="str">
        <f>IF(基本情報入力シート!C118="","",基本情報入力シート!C118)</f>
        <v/>
      </c>
      <c r="C89" s="280" t="str">
        <f>IF(基本情報入力シート!M118="","",基本情報入力シート!M118)</f>
        <v/>
      </c>
      <c r="D89" s="280" t="str">
        <f>IF(基本情報入力シート!R118="","",基本情報入力シート!R118)</f>
        <v/>
      </c>
      <c r="E89" s="280" t="str">
        <f>IF(基本情報入力シート!W118="","",基本情報入力シート!W118)</f>
        <v/>
      </c>
      <c r="F89" s="280" t="str">
        <f>IF(基本情報入力シート!X118="","",基本情報入力シート!X118)</f>
        <v/>
      </c>
      <c r="G89" s="280" t="str">
        <f>IF(基本情報入力シート!Y118="","",基本情報入力シート!Y118)</f>
        <v/>
      </c>
      <c r="H89" s="300" t="str">
        <f>IF(基本情報入力シート!Z118="","",基本情報入力シート!Z118)</f>
        <v/>
      </c>
      <c r="I89" s="309"/>
      <c r="J89" s="317"/>
    </row>
    <row r="90" spans="1:10" ht="36.75" customHeight="1">
      <c r="A90" s="264">
        <f t="shared" si="1"/>
        <v>80</v>
      </c>
      <c r="B90" s="274" t="str">
        <f>IF(基本情報入力シート!C119="","",基本情報入力シート!C119)</f>
        <v/>
      </c>
      <c r="C90" s="280" t="str">
        <f>IF(基本情報入力シート!M119="","",基本情報入力シート!M119)</f>
        <v/>
      </c>
      <c r="D90" s="280" t="str">
        <f>IF(基本情報入力シート!R119="","",基本情報入力シート!R119)</f>
        <v/>
      </c>
      <c r="E90" s="280" t="str">
        <f>IF(基本情報入力シート!W119="","",基本情報入力シート!W119)</f>
        <v/>
      </c>
      <c r="F90" s="280" t="str">
        <f>IF(基本情報入力シート!X119="","",基本情報入力シート!X119)</f>
        <v/>
      </c>
      <c r="G90" s="280" t="str">
        <f>IF(基本情報入力シート!Y119="","",基本情報入力シート!Y119)</f>
        <v/>
      </c>
      <c r="H90" s="300" t="str">
        <f>IF(基本情報入力シート!Z119="","",基本情報入力シート!Z119)</f>
        <v/>
      </c>
      <c r="I90" s="309"/>
      <c r="J90" s="317"/>
    </row>
    <row r="91" spans="1:10" ht="36.75" customHeight="1">
      <c r="A91" s="264">
        <f t="shared" si="1"/>
        <v>81</v>
      </c>
      <c r="B91" s="274" t="str">
        <f>IF(基本情報入力シート!C120="","",基本情報入力シート!C120)</f>
        <v/>
      </c>
      <c r="C91" s="280" t="str">
        <f>IF(基本情報入力シート!M120="","",基本情報入力シート!M120)</f>
        <v/>
      </c>
      <c r="D91" s="280" t="str">
        <f>IF(基本情報入力シート!R120="","",基本情報入力シート!R120)</f>
        <v/>
      </c>
      <c r="E91" s="280" t="str">
        <f>IF(基本情報入力シート!W120="","",基本情報入力シート!W120)</f>
        <v/>
      </c>
      <c r="F91" s="280" t="str">
        <f>IF(基本情報入力シート!X120="","",基本情報入力シート!X120)</f>
        <v/>
      </c>
      <c r="G91" s="280" t="str">
        <f>IF(基本情報入力シート!Y120="","",基本情報入力シート!Y120)</f>
        <v/>
      </c>
      <c r="H91" s="300" t="str">
        <f>IF(基本情報入力シート!Z120="","",基本情報入力シート!Z120)</f>
        <v/>
      </c>
      <c r="I91" s="309"/>
      <c r="J91" s="317"/>
    </row>
    <row r="92" spans="1:10" ht="36.75" customHeight="1">
      <c r="A92" s="264">
        <f t="shared" si="1"/>
        <v>82</v>
      </c>
      <c r="B92" s="274" t="str">
        <f>IF(基本情報入力シート!C121="","",基本情報入力シート!C121)</f>
        <v/>
      </c>
      <c r="C92" s="280" t="str">
        <f>IF(基本情報入力シート!M121="","",基本情報入力シート!M121)</f>
        <v/>
      </c>
      <c r="D92" s="280" t="str">
        <f>IF(基本情報入力シート!R121="","",基本情報入力シート!R121)</f>
        <v/>
      </c>
      <c r="E92" s="280" t="str">
        <f>IF(基本情報入力シート!W121="","",基本情報入力シート!W121)</f>
        <v/>
      </c>
      <c r="F92" s="280" t="str">
        <f>IF(基本情報入力シート!X121="","",基本情報入力シート!X121)</f>
        <v/>
      </c>
      <c r="G92" s="280" t="str">
        <f>IF(基本情報入力シート!Y121="","",基本情報入力シート!Y121)</f>
        <v/>
      </c>
      <c r="H92" s="300" t="str">
        <f>IF(基本情報入力シート!Z121="","",基本情報入力シート!Z121)</f>
        <v/>
      </c>
      <c r="I92" s="309"/>
      <c r="J92" s="317"/>
    </row>
    <row r="93" spans="1:10" ht="36.75" customHeight="1">
      <c r="A93" s="264">
        <f t="shared" si="1"/>
        <v>83</v>
      </c>
      <c r="B93" s="274" t="str">
        <f>IF(基本情報入力シート!C122="","",基本情報入力シート!C122)</f>
        <v/>
      </c>
      <c r="C93" s="280" t="str">
        <f>IF(基本情報入力シート!M122="","",基本情報入力シート!M122)</f>
        <v/>
      </c>
      <c r="D93" s="280" t="str">
        <f>IF(基本情報入力シート!R122="","",基本情報入力シート!R122)</f>
        <v/>
      </c>
      <c r="E93" s="280" t="str">
        <f>IF(基本情報入力シート!W122="","",基本情報入力シート!W122)</f>
        <v/>
      </c>
      <c r="F93" s="280" t="str">
        <f>IF(基本情報入力シート!X122="","",基本情報入力シート!X122)</f>
        <v/>
      </c>
      <c r="G93" s="280" t="str">
        <f>IF(基本情報入力シート!Y122="","",基本情報入力シート!Y122)</f>
        <v/>
      </c>
      <c r="H93" s="300" t="str">
        <f>IF(基本情報入力シート!Z122="","",基本情報入力シート!Z122)</f>
        <v/>
      </c>
      <c r="I93" s="309"/>
      <c r="J93" s="317"/>
    </row>
    <row r="94" spans="1:10" ht="36.75" customHeight="1">
      <c r="A94" s="264">
        <f t="shared" si="1"/>
        <v>84</v>
      </c>
      <c r="B94" s="274" t="str">
        <f>IF(基本情報入力シート!C123="","",基本情報入力シート!C123)</f>
        <v/>
      </c>
      <c r="C94" s="280" t="str">
        <f>IF(基本情報入力シート!M123="","",基本情報入力シート!M123)</f>
        <v/>
      </c>
      <c r="D94" s="280" t="str">
        <f>IF(基本情報入力シート!R123="","",基本情報入力シート!R123)</f>
        <v/>
      </c>
      <c r="E94" s="280" t="str">
        <f>IF(基本情報入力シート!W123="","",基本情報入力シート!W123)</f>
        <v/>
      </c>
      <c r="F94" s="280" t="str">
        <f>IF(基本情報入力シート!X123="","",基本情報入力シート!X123)</f>
        <v/>
      </c>
      <c r="G94" s="280" t="str">
        <f>IF(基本情報入力シート!Y123="","",基本情報入力シート!Y123)</f>
        <v/>
      </c>
      <c r="H94" s="300" t="str">
        <f>IF(基本情報入力シート!Z123="","",基本情報入力シート!Z123)</f>
        <v/>
      </c>
      <c r="I94" s="309"/>
      <c r="J94" s="317"/>
    </row>
    <row r="95" spans="1:10" ht="36.75" customHeight="1">
      <c r="A95" s="264">
        <f t="shared" si="1"/>
        <v>85</v>
      </c>
      <c r="B95" s="274" t="str">
        <f>IF(基本情報入力シート!C124="","",基本情報入力シート!C124)</f>
        <v/>
      </c>
      <c r="C95" s="280" t="str">
        <f>IF(基本情報入力シート!M124="","",基本情報入力シート!M124)</f>
        <v/>
      </c>
      <c r="D95" s="280" t="str">
        <f>IF(基本情報入力シート!R124="","",基本情報入力シート!R124)</f>
        <v/>
      </c>
      <c r="E95" s="280" t="str">
        <f>IF(基本情報入力シート!W124="","",基本情報入力シート!W124)</f>
        <v/>
      </c>
      <c r="F95" s="280" t="str">
        <f>IF(基本情報入力シート!X124="","",基本情報入力シート!X124)</f>
        <v/>
      </c>
      <c r="G95" s="280" t="str">
        <f>IF(基本情報入力シート!Y124="","",基本情報入力シート!Y124)</f>
        <v/>
      </c>
      <c r="H95" s="300" t="str">
        <f>IF(基本情報入力シート!Z124="","",基本情報入力シート!Z124)</f>
        <v/>
      </c>
      <c r="I95" s="309"/>
      <c r="J95" s="317"/>
    </row>
    <row r="96" spans="1:10" ht="36.75" customHeight="1">
      <c r="A96" s="264">
        <f t="shared" si="1"/>
        <v>86</v>
      </c>
      <c r="B96" s="274" t="str">
        <f>IF(基本情報入力シート!C125="","",基本情報入力シート!C125)</f>
        <v/>
      </c>
      <c r="C96" s="280" t="str">
        <f>IF(基本情報入力シート!M125="","",基本情報入力シート!M125)</f>
        <v/>
      </c>
      <c r="D96" s="280" t="str">
        <f>IF(基本情報入力シート!R125="","",基本情報入力シート!R125)</f>
        <v/>
      </c>
      <c r="E96" s="280" t="str">
        <f>IF(基本情報入力シート!W125="","",基本情報入力シート!W125)</f>
        <v/>
      </c>
      <c r="F96" s="280" t="str">
        <f>IF(基本情報入力シート!X125="","",基本情報入力シート!X125)</f>
        <v/>
      </c>
      <c r="G96" s="280" t="str">
        <f>IF(基本情報入力シート!Y125="","",基本情報入力シート!Y125)</f>
        <v/>
      </c>
      <c r="H96" s="300" t="str">
        <f>IF(基本情報入力シート!Z125="","",基本情報入力シート!Z125)</f>
        <v/>
      </c>
      <c r="I96" s="309"/>
      <c r="J96" s="317"/>
    </row>
    <row r="97" spans="1:10" ht="36.75" customHeight="1">
      <c r="A97" s="264">
        <f t="shared" si="1"/>
        <v>87</v>
      </c>
      <c r="B97" s="274" t="str">
        <f>IF(基本情報入力シート!C126="","",基本情報入力シート!C126)</f>
        <v/>
      </c>
      <c r="C97" s="280" t="str">
        <f>IF(基本情報入力シート!M126="","",基本情報入力シート!M126)</f>
        <v/>
      </c>
      <c r="D97" s="280" t="str">
        <f>IF(基本情報入力シート!R126="","",基本情報入力シート!R126)</f>
        <v/>
      </c>
      <c r="E97" s="280" t="str">
        <f>IF(基本情報入力シート!W126="","",基本情報入力シート!W126)</f>
        <v/>
      </c>
      <c r="F97" s="280" t="str">
        <f>IF(基本情報入力シート!X126="","",基本情報入力シート!X126)</f>
        <v/>
      </c>
      <c r="G97" s="280" t="str">
        <f>IF(基本情報入力シート!Y126="","",基本情報入力シート!Y126)</f>
        <v/>
      </c>
      <c r="H97" s="300" t="str">
        <f>IF(基本情報入力シート!Z126="","",基本情報入力シート!Z126)</f>
        <v/>
      </c>
      <c r="I97" s="309"/>
      <c r="J97" s="317"/>
    </row>
    <row r="98" spans="1:10" ht="36.75" customHeight="1">
      <c r="A98" s="264">
        <f t="shared" si="1"/>
        <v>88</v>
      </c>
      <c r="B98" s="274" t="str">
        <f>IF(基本情報入力シート!C127="","",基本情報入力シート!C127)</f>
        <v/>
      </c>
      <c r="C98" s="280" t="str">
        <f>IF(基本情報入力シート!M127="","",基本情報入力シート!M127)</f>
        <v/>
      </c>
      <c r="D98" s="280" t="str">
        <f>IF(基本情報入力シート!R127="","",基本情報入力シート!R127)</f>
        <v/>
      </c>
      <c r="E98" s="280" t="str">
        <f>IF(基本情報入力シート!W127="","",基本情報入力シート!W127)</f>
        <v/>
      </c>
      <c r="F98" s="280" t="str">
        <f>IF(基本情報入力シート!X127="","",基本情報入力シート!X127)</f>
        <v/>
      </c>
      <c r="G98" s="280" t="str">
        <f>IF(基本情報入力シート!Y127="","",基本情報入力シート!Y127)</f>
        <v/>
      </c>
      <c r="H98" s="300" t="str">
        <f>IF(基本情報入力シート!Z127="","",基本情報入力シート!Z127)</f>
        <v/>
      </c>
      <c r="I98" s="309"/>
      <c r="J98" s="317"/>
    </row>
    <row r="99" spans="1:10" ht="36.75" customHeight="1">
      <c r="A99" s="264">
        <f t="shared" si="1"/>
        <v>89</v>
      </c>
      <c r="B99" s="274" t="str">
        <f>IF(基本情報入力シート!C128="","",基本情報入力シート!C128)</f>
        <v/>
      </c>
      <c r="C99" s="280" t="str">
        <f>IF(基本情報入力シート!M128="","",基本情報入力シート!M128)</f>
        <v/>
      </c>
      <c r="D99" s="280" t="str">
        <f>IF(基本情報入力シート!R128="","",基本情報入力シート!R128)</f>
        <v/>
      </c>
      <c r="E99" s="280" t="str">
        <f>IF(基本情報入力シート!W128="","",基本情報入力シート!W128)</f>
        <v/>
      </c>
      <c r="F99" s="280" t="str">
        <f>IF(基本情報入力シート!X128="","",基本情報入力シート!X128)</f>
        <v/>
      </c>
      <c r="G99" s="280" t="str">
        <f>IF(基本情報入力シート!Y128="","",基本情報入力シート!Y128)</f>
        <v/>
      </c>
      <c r="H99" s="300" t="str">
        <f>IF(基本情報入力シート!Z128="","",基本情報入力シート!Z128)</f>
        <v/>
      </c>
      <c r="I99" s="309"/>
      <c r="J99" s="317"/>
    </row>
    <row r="100" spans="1:10" ht="36.75" customHeight="1">
      <c r="A100" s="264">
        <f t="shared" si="1"/>
        <v>90</v>
      </c>
      <c r="B100" s="274" t="str">
        <f>IF(基本情報入力シート!C129="","",基本情報入力シート!C129)</f>
        <v/>
      </c>
      <c r="C100" s="280" t="str">
        <f>IF(基本情報入力シート!M129="","",基本情報入力シート!M129)</f>
        <v/>
      </c>
      <c r="D100" s="280" t="str">
        <f>IF(基本情報入力シート!R129="","",基本情報入力シート!R129)</f>
        <v/>
      </c>
      <c r="E100" s="280" t="str">
        <f>IF(基本情報入力シート!W129="","",基本情報入力シート!W129)</f>
        <v/>
      </c>
      <c r="F100" s="280" t="str">
        <f>IF(基本情報入力シート!X129="","",基本情報入力シート!X129)</f>
        <v/>
      </c>
      <c r="G100" s="280" t="str">
        <f>IF(基本情報入力シート!Y129="","",基本情報入力シート!Y129)</f>
        <v/>
      </c>
      <c r="H100" s="300" t="str">
        <f>IF(基本情報入力シート!Z129="","",基本情報入力シート!Z129)</f>
        <v/>
      </c>
      <c r="I100" s="309"/>
      <c r="J100" s="317"/>
    </row>
    <row r="101" spans="1:10" ht="36.75" customHeight="1">
      <c r="A101" s="264">
        <f t="shared" si="1"/>
        <v>91</v>
      </c>
      <c r="B101" s="274" t="str">
        <f>IF(基本情報入力シート!C130="","",基本情報入力シート!C130)</f>
        <v/>
      </c>
      <c r="C101" s="280" t="str">
        <f>IF(基本情報入力シート!M130="","",基本情報入力シート!M130)</f>
        <v/>
      </c>
      <c r="D101" s="280" t="str">
        <f>IF(基本情報入力シート!R130="","",基本情報入力シート!R130)</f>
        <v/>
      </c>
      <c r="E101" s="280" t="str">
        <f>IF(基本情報入力シート!W130="","",基本情報入力シート!W130)</f>
        <v/>
      </c>
      <c r="F101" s="280" t="str">
        <f>IF(基本情報入力シート!X130="","",基本情報入力シート!X130)</f>
        <v/>
      </c>
      <c r="G101" s="280" t="str">
        <f>IF(基本情報入力シート!Y130="","",基本情報入力シート!Y130)</f>
        <v/>
      </c>
      <c r="H101" s="300" t="str">
        <f>IF(基本情報入力シート!Z130="","",基本情報入力シート!Z130)</f>
        <v/>
      </c>
      <c r="I101" s="309"/>
      <c r="J101" s="317"/>
    </row>
    <row r="102" spans="1:10" ht="36.75" customHeight="1">
      <c r="A102" s="264">
        <f t="shared" si="1"/>
        <v>92</v>
      </c>
      <c r="B102" s="274" t="str">
        <f>IF(基本情報入力シート!C131="","",基本情報入力シート!C131)</f>
        <v/>
      </c>
      <c r="C102" s="280" t="str">
        <f>IF(基本情報入力シート!M131="","",基本情報入力シート!M131)</f>
        <v/>
      </c>
      <c r="D102" s="280" t="str">
        <f>IF(基本情報入力シート!R131="","",基本情報入力シート!R131)</f>
        <v/>
      </c>
      <c r="E102" s="280" t="str">
        <f>IF(基本情報入力シート!W131="","",基本情報入力シート!W131)</f>
        <v/>
      </c>
      <c r="F102" s="280" t="str">
        <f>IF(基本情報入力シート!X131="","",基本情報入力シート!X131)</f>
        <v/>
      </c>
      <c r="G102" s="280" t="str">
        <f>IF(基本情報入力シート!Y131="","",基本情報入力シート!Y131)</f>
        <v/>
      </c>
      <c r="H102" s="300" t="str">
        <f>IF(基本情報入力シート!Z131="","",基本情報入力シート!Z131)</f>
        <v/>
      </c>
      <c r="I102" s="309"/>
      <c r="J102" s="317"/>
    </row>
    <row r="103" spans="1:10" ht="36.75" customHeight="1">
      <c r="A103" s="264">
        <f t="shared" si="1"/>
        <v>93</v>
      </c>
      <c r="B103" s="274" t="str">
        <f>IF(基本情報入力シート!C132="","",基本情報入力シート!C132)</f>
        <v/>
      </c>
      <c r="C103" s="280" t="str">
        <f>IF(基本情報入力シート!M132="","",基本情報入力シート!M132)</f>
        <v/>
      </c>
      <c r="D103" s="280" t="str">
        <f>IF(基本情報入力シート!R132="","",基本情報入力シート!R132)</f>
        <v/>
      </c>
      <c r="E103" s="280" t="str">
        <f>IF(基本情報入力シート!W132="","",基本情報入力シート!W132)</f>
        <v/>
      </c>
      <c r="F103" s="280" t="str">
        <f>IF(基本情報入力シート!X132="","",基本情報入力シート!X132)</f>
        <v/>
      </c>
      <c r="G103" s="280" t="str">
        <f>IF(基本情報入力シート!Y132="","",基本情報入力シート!Y132)</f>
        <v/>
      </c>
      <c r="H103" s="300" t="str">
        <f>IF(基本情報入力シート!Z132="","",基本情報入力シート!Z132)</f>
        <v/>
      </c>
      <c r="I103" s="309"/>
      <c r="J103" s="317"/>
    </row>
    <row r="104" spans="1:10" ht="36.75" customHeight="1">
      <c r="A104" s="264">
        <f t="shared" si="1"/>
        <v>94</v>
      </c>
      <c r="B104" s="274" t="str">
        <f>IF(基本情報入力シート!C133="","",基本情報入力シート!C133)</f>
        <v/>
      </c>
      <c r="C104" s="280" t="str">
        <f>IF(基本情報入力シート!M133="","",基本情報入力シート!M133)</f>
        <v/>
      </c>
      <c r="D104" s="280" t="str">
        <f>IF(基本情報入力シート!R133="","",基本情報入力シート!R133)</f>
        <v/>
      </c>
      <c r="E104" s="280" t="str">
        <f>IF(基本情報入力シート!W133="","",基本情報入力シート!W133)</f>
        <v/>
      </c>
      <c r="F104" s="280" t="str">
        <f>IF(基本情報入力シート!X133="","",基本情報入力シート!X133)</f>
        <v/>
      </c>
      <c r="G104" s="280" t="str">
        <f>IF(基本情報入力シート!Y133="","",基本情報入力シート!Y133)</f>
        <v/>
      </c>
      <c r="H104" s="300" t="str">
        <f>IF(基本情報入力シート!Z133="","",基本情報入力シート!Z133)</f>
        <v/>
      </c>
      <c r="I104" s="309"/>
      <c r="J104" s="317"/>
    </row>
    <row r="105" spans="1:10" ht="36.75" customHeight="1">
      <c r="A105" s="264">
        <f t="shared" si="1"/>
        <v>95</v>
      </c>
      <c r="B105" s="274" t="str">
        <f>IF(基本情報入力シート!C134="","",基本情報入力シート!C134)</f>
        <v/>
      </c>
      <c r="C105" s="280" t="str">
        <f>IF(基本情報入力シート!M134="","",基本情報入力シート!M134)</f>
        <v/>
      </c>
      <c r="D105" s="280" t="str">
        <f>IF(基本情報入力シート!R134="","",基本情報入力シート!R134)</f>
        <v/>
      </c>
      <c r="E105" s="280" t="str">
        <f>IF(基本情報入力シート!W134="","",基本情報入力シート!W134)</f>
        <v/>
      </c>
      <c r="F105" s="280" t="str">
        <f>IF(基本情報入力シート!X134="","",基本情報入力シート!X134)</f>
        <v/>
      </c>
      <c r="G105" s="280" t="str">
        <f>IF(基本情報入力シート!Y134="","",基本情報入力シート!Y134)</f>
        <v/>
      </c>
      <c r="H105" s="300" t="str">
        <f>IF(基本情報入力シート!Z134="","",基本情報入力シート!Z134)</f>
        <v/>
      </c>
      <c r="I105" s="309"/>
      <c r="J105" s="317"/>
    </row>
    <row r="106" spans="1:10" ht="36.75" customHeight="1">
      <c r="A106" s="264">
        <f t="shared" si="1"/>
        <v>96</v>
      </c>
      <c r="B106" s="274" t="str">
        <f>IF(基本情報入力シート!C135="","",基本情報入力シート!C135)</f>
        <v/>
      </c>
      <c r="C106" s="280" t="str">
        <f>IF(基本情報入力シート!M135="","",基本情報入力シート!M135)</f>
        <v/>
      </c>
      <c r="D106" s="280" t="str">
        <f>IF(基本情報入力シート!R135="","",基本情報入力シート!R135)</f>
        <v/>
      </c>
      <c r="E106" s="280" t="str">
        <f>IF(基本情報入力シート!W135="","",基本情報入力シート!W135)</f>
        <v/>
      </c>
      <c r="F106" s="280" t="str">
        <f>IF(基本情報入力シート!X135="","",基本情報入力シート!X135)</f>
        <v/>
      </c>
      <c r="G106" s="280" t="str">
        <f>IF(基本情報入力シート!Y135="","",基本情報入力シート!Y135)</f>
        <v/>
      </c>
      <c r="H106" s="300" t="str">
        <f>IF(基本情報入力シート!Z135="","",基本情報入力シート!Z135)</f>
        <v/>
      </c>
      <c r="I106" s="309"/>
      <c r="J106" s="317"/>
    </row>
    <row r="107" spans="1:10" ht="36.75" customHeight="1">
      <c r="A107" s="264">
        <f t="shared" si="1"/>
        <v>97</v>
      </c>
      <c r="B107" s="274" t="str">
        <f>IF(基本情報入力シート!C136="","",基本情報入力シート!C136)</f>
        <v/>
      </c>
      <c r="C107" s="280" t="str">
        <f>IF(基本情報入力シート!M136="","",基本情報入力シート!M136)</f>
        <v/>
      </c>
      <c r="D107" s="280" t="str">
        <f>IF(基本情報入力シート!R136="","",基本情報入力シート!R136)</f>
        <v/>
      </c>
      <c r="E107" s="280" t="str">
        <f>IF(基本情報入力シート!W136="","",基本情報入力シート!W136)</f>
        <v/>
      </c>
      <c r="F107" s="280" t="str">
        <f>IF(基本情報入力シート!X136="","",基本情報入力シート!X136)</f>
        <v/>
      </c>
      <c r="G107" s="280" t="str">
        <f>IF(基本情報入力シート!Y136="","",基本情報入力シート!Y136)</f>
        <v/>
      </c>
      <c r="H107" s="300" t="str">
        <f>IF(基本情報入力シート!Z136="","",基本情報入力シート!Z136)</f>
        <v/>
      </c>
      <c r="I107" s="309"/>
      <c r="J107" s="317"/>
    </row>
    <row r="108" spans="1:10" ht="36.75" customHeight="1">
      <c r="A108" s="264">
        <f t="shared" si="1"/>
        <v>98</v>
      </c>
      <c r="B108" s="274" t="str">
        <f>IF(基本情報入力シート!C137="","",基本情報入力シート!C137)</f>
        <v/>
      </c>
      <c r="C108" s="280" t="str">
        <f>IF(基本情報入力シート!M137="","",基本情報入力シート!M137)</f>
        <v/>
      </c>
      <c r="D108" s="280" t="str">
        <f>IF(基本情報入力シート!R137="","",基本情報入力シート!R137)</f>
        <v/>
      </c>
      <c r="E108" s="280" t="str">
        <f>IF(基本情報入力シート!W137="","",基本情報入力シート!W137)</f>
        <v/>
      </c>
      <c r="F108" s="280" t="str">
        <f>IF(基本情報入力シート!X137="","",基本情報入力シート!X137)</f>
        <v/>
      </c>
      <c r="G108" s="280" t="str">
        <f>IF(基本情報入力シート!Y137="","",基本情報入力シート!Y137)</f>
        <v/>
      </c>
      <c r="H108" s="300" t="str">
        <f>IF(基本情報入力シート!Z137="","",基本情報入力シート!Z137)</f>
        <v/>
      </c>
      <c r="I108" s="309"/>
      <c r="J108" s="317"/>
    </row>
    <row r="109" spans="1:10" ht="36.75" customHeight="1">
      <c r="A109" s="264">
        <f t="shared" si="1"/>
        <v>99</v>
      </c>
      <c r="B109" s="274" t="str">
        <f>IF(基本情報入力シート!C138="","",基本情報入力シート!C138)</f>
        <v/>
      </c>
      <c r="C109" s="280" t="str">
        <f>IF(基本情報入力シート!M138="","",基本情報入力シート!M138)</f>
        <v/>
      </c>
      <c r="D109" s="280" t="str">
        <f>IF(基本情報入力シート!R138="","",基本情報入力シート!R138)</f>
        <v/>
      </c>
      <c r="E109" s="280" t="str">
        <f>IF(基本情報入力シート!W138="","",基本情報入力シート!W138)</f>
        <v/>
      </c>
      <c r="F109" s="280" t="str">
        <f>IF(基本情報入力シート!X138="","",基本情報入力シート!X138)</f>
        <v/>
      </c>
      <c r="G109" s="280" t="str">
        <f>IF(基本情報入力シート!Y138="","",基本情報入力シート!Y138)</f>
        <v/>
      </c>
      <c r="H109" s="300" t="str">
        <f>IF(基本情報入力シート!Z138="","",基本情報入力シート!Z138)</f>
        <v/>
      </c>
      <c r="I109" s="309"/>
      <c r="J109" s="317"/>
    </row>
    <row r="110" spans="1:10" ht="36.75" customHeight="1">
      <c r="A110" s="265">
        <f t="shared" si="1"/>
        <v>100</v>
      </c>
      <c r="B110" s="274" t="str">
        <f>IF(基本情報入力シート!C139="","",基本情報入力シート!C139)</f>
        <v/>
      </c>
      <c r="C110" s="280" t="str">
        <f>IF(基本情報入力シート!M139="","",基本情報入力シート!M139)</f>
        <v/>
      </c>
      <c r="D110" s="280" t="str">
        <f>IF(基本情報入力シート!R139="","",基本情報入力シート!R139)</f>
        <v/>
      </c>
      <c r="E110" s="280" t="str">
        <f>IF(基本情報入力シート!W139="","",基本情報入力シート!W139)</f>
        <v/>
      </c>
      <c r="F110" s="280" t="str">
        <f>IF(基本情報入力シート!X139="","",基本情報入力シート!X139)</f>
        <v/>
      </c>
      <c r="G110" s="280" t="str">
        <f>IF(基本情報入力シート!Y139="","",基本情報入力シート!Y139)</f>
        <v/>
      </c>
      <c r="H110" s="300" t="str">
        <f>IF(基本情報入力シート!Z139="","",基本情報入力シート!Z139)</f>
        <v/>
      </c>
      <c r="I110" s="311"/>
      <c r="J110" s="319"/>
    </row>
    <row r="111" spans="1:10" ht="15">
      <c r="A111" s="265">
        <f t="shared" si="1"/>
        <v>101</v>
      </c>
      <c r="D111" s="254"/>
      <c r="E111" s="254"/>
      <c r="F111" s="254"/>
      <c r="G111" s="254"/>
      <c r="H111" s="301"/>
      <c r="I111" s="248"/>
      <c r="J111" s="248"/>
    </row>
    <row r="112" spans="1:10">
      <c r="D112" s="254"/>
      <c r="E112" s="254"/>
      <c r="F112" s="254"/>
      <c r="G112" s="254"/>
      <c r="H112" s="301"/>
      <c r="I112" s="248"/>
      <c r="J112" s="248"/>
    </row>
    <row r="113" spans="4:10">
      <c r="D113" s="254"/>
      <c r="E113" s="254"/>
      <c r="F113" s="254"/>
      <c r="G113" s="254"/>
      <c r="H113" s="301"/>
      <c r="I113" s="248"/>
      <c r="J113" s="248"/>
    </row>
    <row r="114" spans="4:10">
      <c r="D114" s="254"/>
      <c r="E114" s="254"/>
      <c r="F114" s="254"/>
      <c r="G114" s="254"/>
      <c r="H114" s="301"/>
      <c r="I114" s="248"/>
      <c r="J114" s="248"/>
    </row>
    <row r="115" spans="4:10">
      <c r="D115" s="254"/>
      <c r="E115" s="254"/>
      <c r="F115" s="254"/>
      <c r="G115" s="254"/>
      <c r="H115" s="301"/>
      <c r="I115" s="248"/>
      <c r="J115" s="248"/>
    </row>
    <row r="116" spans="4:10">
      <c r="D116" s="254"/>
      <c r="E116" s="254"/>
      <c r="F116" s="254"/>
      <c r="G116" s="254"/>
      <c r="H116" s="301"/>
      <c r="I116" s="248"/>
      <c r="J116" s="248"/>
    </row>
    <row r="117" spans="4:10">
      <c r="D117" s="254"/>
      <c r="E117" s="254"/>
      <c r="F117" s="254"/>
      <c r="G117" s="254"/>
      <c r="H117" s="301"/>
      <c r="I117" s="248"/>
      <c r="J117" s="248"/>
    </row>
    <row r="118" spans="4:10">
      <c r="D118" s="254"/>
      <c r="E118" s="254"/>
      <c r="F118" s="254"/>
      <c r="G118" s="254"/>
      <c r="H118" s="301"/>
      <c r="I118" s="248"/>
      <c r="J118" s="248"/>
    </row>
    <row r="119" spans="4:10">
      <c r="D119" s="254"/>
      <c r="E119" s="254"/>
      <c r="F119" s="254"/>
      <c r="G119" s="254"/>
      <c r="H119" s="301"/>
      <c r="I119" s="248"/>
      <c r="J119" s="248"/>
    </row>
    <row r="120" spans="4:10">
      <c r="D120" s="254"/>
      <c r="E120" s="254"/>
      <c r="F120" s="254"/>
      <c r="G120" s="254"/>
      <c r="H120" s="301"/>
      <c r="I120" s="248"/>
      <c r="J120" s="248"/>
    </row>
    <row r="121" spans="4:10">
      <c r="D121" s="254"/>
      <c r="E121" s="254"/>
      <c r="F121" s="254"/>
      <c r="G121" s="254"/>
      <c r="H121" s="301"/>
      <c r="I121" s="248"/>
      <c r="J121" s="248"/>
    </row>
    <row r="122" spans="4:10">
      <c r="D122" s="254"/>
      <c r="E122" s="254"/>
      <c r="F122" s="254"/>
      <c r="G122" s="254"/>
      <c r="H122" s="301"/>
      <c r="I122" s="248"/>
      <c r="J122" s="248"/>
    </row>
    <row r="123" spans="4:10">
      <c r="D123" s="254"/>
      <c r="E123" s="254"/>
      <c r="F123" s="254"/>
      <c r="G123" s="254"/>
      <c r="H123" s="301"/>
      <c r="I123" s="248"/>
      <c r="J123" s="248"/>
    </row>
    <row r="124" spans="4:10">
      <c r="D124" s="254"/>
      <c r="E124" s="254"/>
      <c r="F124" s="254"/>
      <c r="G124" s="254"/>
      <c r="H124" s="301"/>
      <c r="I124" s="248"/>
      <c r="J124" s="248"/>
    </row>
    <row r="125" spans="4:10">
      <c r="D125" s="254"/>
      <c r="E125" s="254"/>
      <c r="F125" s="254"/>
      <c r="G125" s="254"/>
      <c r="H125" s="301"/>
      <c r="I125" s="248"/>
      <c r="J125" s="248"/>
    </row>
    <row r="126" spans="4:10">
      <c r="D126" s="254"/>
      <c r="E126" s="254"/>
      <c r="F126" s="254"/>
      <c r="G126" s="254"/>
      <c r="H126" s="301"/>
      <c r="I126" s="248"/>
      <c r="J126" s="248"/>
    </row>
    <row r="127" spans="4:10">
      <c r="D127" s="254"/>
      <c r="E127" s="254"/>
      <c r="F127" s="254"/>
      <c r="G127" s="254"/>
      <c r="H127" s="301"/>
      <c r="I127" s="248"/>
      <c r="J127" s="248"/>
    </row>
    <row r="128" spans="4:10">
      <c r="D128" s="254"/>
      <c r="E128" s="254"/>
      <c r="F128" s="254"/>
      <c r="G128" s="254"/>
      <c r="H128" s="301"/>
      <c r="I128" s="248"/>
      <c r="J128" s="248"/>
    </row>
    <row r="129" spans="4:10">
      <c r="D129" s="254"/>
      <c r="E129" s="254"/>
      <c r="F129" s="254"/>
      <c r="G129" s="254"/>
      <c r="H129" s="301"/>
      <c r="I129" s="248"/>
      <c r="J129" s="248"/>
    </row>
    <row r="130" spans="4:10">
      <c r="D130" s="254"/>
      <c r="E130" s="254"/>
      <c r="F130" s="254"/>
      <c r="G130" s="254"/>
      <c r="H130" s="301"/>
      <c r="I130" s="248"/>
      <c r="J130" s="248"/>
    </row>
    <row r="131" spans="4:10">
      <c r="D131" s="254"/>
      <c r="E131" s="254"/>
      <c r="F131" s="254"/>
      <c r="G131" s="254"/>
      <c r="H131" s="301"/>
      <c r="I131" s="248"/>
      <c r="J131" s="248"/>
    </row>
    <row r="132" spans="4:10">
      <c r="D132" s="254"/>
      <c r="E132" s="254"/>
      <c r="F132" s="254"/>
      <c r="G132" s="254"/>
      <c r="H132" s="301"/>
      <c r="I132" s="248"/>
      <c r="J132" s="248"/>
    </row>
    <row r="133" spans="4:10">
      <c r="D133" s="254"/>
      <c r="E133" s="254"/>
      <c r="F133" s="254"/>
      <c r="G133" s="254"/>
      <c r="H133" s="301"/>
      <c r="I133" s="248"/>
      <c r="J133" s="248"/>
    </row>
    <row r="134" spans="4:10">
      <c r="D134" s="254"/>
      <c r="E134" s="254"/>
      <c r="F134" s="254"/>
      <c r="G134" s="254"/>
      <c r="H134" s="301"/>
      <c r="I134" s="248"/>
      <c r="J134" s="248"/>
    </row>
    <row r="135" spans="4:10">
      <c r="D135" s="254"/>
      <c r="E135" s="254"/>
      <c r="F135" s="254"/>
      <c r="G135" s="254"/>
      <c r="H135" s="301"/>
      <c r="I135" s="248"/>
      <c r="J135" s="248"/>
    </row>
    <row r="136" spans="4:10">
      <c r="D136" s="254"/>
      <c r="E136" s="254"/>
      <c r="F136" s="254"/>
      <c r="G136" s="254"/>
      <c r="H136" s="301"/>
      <c r="I136" s="248"/>
      <c r="J136" s="248"/>
    </row>
    <row r="137" spans="4:10">
      <c r="D137" s="254"/>
      <c r="E137" s="254"/>
      <c r="F137" s="254"/>
      <c r="G137" s="254"/>
      <c r="H137" s="301"/>
      <c r="I137" s="248"/>
      <c r="J137" s="248"/>
    </row>
    <row r="138" spans="4:10">
      <c r="D138" s="254"/>
      <c r="E138" s="254"/>
      <c r="F138" s="254"/>
      <c r="G138" s="254"/>
      <c r="H138" s="301"/>
      <c r="I138" s="248"/>
      <c r="J138" s="248"/>
    </row>
    <row r="139" spans="4:10">
      <c r="D139" s="254"/>
      <c r="E139" s="254"/>
      <c r="F139" s="254"/>
      <c r="G139" s="254"/>
      <c r="H139" s="301"/>
      <c r="I139" s="248"/>
      <c r="J139" s="248"/>
    </row>
    <row r="140" spans="4:10">
      <c r="D140" s="254"/>
      <c r="E140" s="254"/>
      <c r="F140" s="254"/>
      <c r="G140" s="254"/>
      <c r="H140" s="301"/>
      <c r="I140" s="248"/>
      <c r="J140" s="248"/>
    </row>
    <row r="141" spans="4:10">
      <c r="D141" s="254"/>
      <c r="E141" s="254"/>
      <c r="F141" s="254"/>
      <c r="G141" s="254"/>
      <c r="H141" s="301"/>
      <c r="I141" s="248"/>
      <c r="J141" s="248"/>
    </row>
    <row r="142" spans="4:10">
      <c r="D142" s="254"/>
      <c r="E142" s="254"/>
      <c r="F142" s="254"/>
      <c r="G142" s="254"/>
      <c r="H142" s="301"/>
      <c r="I142" s="248"/>
      <c r="J142" s="248"/>
    </row>
    <row r="143" spans="4:10">
      <c r="D143" s="254"/>
      <c r="E143" s="254"/>
      <c r="F143" s="254"/>
      <c r="G143" s="254"/>
      <c r="H143" s="301"/>
      <c r="I143" s="248"/>
      <c r="J143" s="248"/>
    </row>
    <row r="144" spans="4:10">
      <c r="D144" s="254"/>
      <c r="E144" s="254"/>
      <c r="F144" s="254"/>
      <c r="G144" s="254"/>
      <c r="H144" s="301"/>
      <c r="I144" s="248"/>
      <c r="J144" s="248"/>
    </row>
    <row r="145" spans="4:10">
      <c r="D145" s="254"/>
      <c r="E145" s="254"/>
      <c r="F145" s="254"/>
      <c r="G145" s="254"/>
      <c r="H145" s="301"/>
      <c r="I145" s="248"/>
      <c r="J145" s="248"/>
    </row>
    <row r="146" spans="4:10">
      <c r="D146" s="254"/>
      <c r="E146" s="254"/>
      <c r="F146" s="254"/>
      <c r="G146" s="254"/>
      <c r="H146" s="301"/>
      <c r="I146" s="248"/>
      <c r="J146" s="248"/>
    </row>
    <row r="147" spans="4:10">
      <c r="D147" s="254"/>
      <c r="E147" s="254"/>
      <c r="F147" s="254"/>
      <c r="G147" s="254"/>
      <c r="H147" s="301"/>
      <c r="I147" s="248"/>
      <c r="J147" s="248"/>
    </row>
    <row r="148" spans="4:10">
      <c r="D148" s="254"/>
      <c r="E148" s="254"/>
      <c r="F148" s="254"/>
      <c r="G148" s="254"/>
      <c r="H148" s="301"/>
      <c r="I148" s="248"/>
      <c r="J148" s="248"/>
    </row>
    <row r="149" spans="4:10">
      <c r="D149" s="254"/>
      <c r="E149" s="254"/>
      <c r="F149" s="254"/>
      <c r="G149" s="254"/>
      <c r="H149" s="301"/>
      <c r="I149" s="248"/>
      <c r="J149" s="248"/>
    </row>
    <row r="150" spans="4:10">
      <c r="D150" s="254"/>
      <c r="E150" s="254"/>
      <c r="F150" s="254"/>
      <c r="G150" s="254"/>
      <c r="H150" s="301"/>
      <c r="I150" s="248"/>
      <c r="J150" s="248"/>
    </row>
    <row r="151" spans="4:10">
      <c r="D151" s="254"/>
      <c r="E151" s="254"/>
      <c r="F151" s="254"/>
      <c r="G151" s="254"/>
      <c r="H151" s="301"/>
      <c r="I151" s="248"/>
      <c r="J151" s="248"/>
    </row>
    <row r="152" spans="4:10">
      <c r="D152" s="254"/>
      <c r="E152" s="254"/>
      <c r="F152" s="254"/>
      <c r="G152" s="254"/>
      <c r="H152" s="301"/>
      <c r="I152" s="248"/>
      <c r="J152" s="248"/>
    </row>
    <row r="153" spans="4:10">
      <c r="D153" s="254"/>
      <c r="E153" s="254"/>
      <c r="F153" s="254"/>
      <c r="G153" s="254"/>
      <c r="H153" s="301"/>
      <c r="I153" s="248"/>
      <c r="J153" s="248"/>
    </row>
    <row r="154" spans="4:10">
      <c r="D154" s="254"/>
      <c r="E154" s="254"/>
      <c r="F154" s="254"/>
      <c r="G154" s="254"/>
      <c r="H154" s="301"/>
      <c r="I154" s="248"/>
      <c r="J154" s="248"/>
    </row>
    <row r="155" spans="4:10">
      <c r="D155" s="254"/>
      <c r="E155" s="254"/>
      <c r="F155" s="254"/>
      <c r="G155" s="254"/>
      <c r="H155" s="301"/>
      <c r="I155" s="248"/>
      <c r="J155" s="248"/>
    </row>
    <row r="156" spans="4:10">
      <c r="D156" s="254"/>
      <c r="E156" s="254"/>
      <c r="F156" s="254"/>
      <c r="G156" s="254"/>
      <c r="H156" s="301"/>
      <c r="I156" s="248"/>
      <c r="J156" s="248"/>
    </row>
    <row r="157" spans="4:10">
      <c r="D157" s="254"/>
      <c r="E157" s="254"/>
      <c r="F157" s="254"/>
      <c r="G157" s="254"/>
      <c r="H157" s="301"/>
      <c r="I157" s="248"/>
      <c r="J157" s="248"/>
    </row>
    <row r="158" spans="4:10">
      <c r="D158" s="254"/>
      <c r="E158" s="254"/>
      <c r="F158" s="254"/>
      <c r="G158" s="254"/>
      <c r="H158" s="301"/>
      <c r="I158" s="248"/>
      <c r="J158" s="248"/>
    </row>
    <row r="159" spans="4:10">
      <c r="D159" s="254"/>
      <c r="E159" s="254"/>
      <c r="F159" s="254"/>
      <c r="G159" s="254"/>
      <c r="H159" s="301"/>
      <c r="I159" s="248"/>
      <c r="J159" s="248"/>
    </row>
    <row r="160" spans="4:10">
      <c r="D160" s="254"/>
      <c r="E160" s="254"/>
      <c r="F160" s="254"/>
      <c r="G160" s="254"/>
      <c r="H160" s="301"/>
      <c r="I160" s="248"/>
      <c r="J160" s="248"/>
    </row>
    <row r="161" spans="4:10">
      <c r="D161" s="254"/>
      <c r="E161" s="254"/>
      <c r="F161" s="254"/>
      <c r="G161" s="254"/>
      <c r="H161" s="301"/>
      <c r="I161" s="248"/>
      <c r="J161" s="248"/>
    </row>
    <row r="162" spans="4:10">
      <c r="D162" s="254"/>
      <c r="E162" s="254"/>
      <c r="F162" s="254"/>
      <c r="G162" s="254"/>
      <c r="H162" s="301"/>
      <c r="I162" s="248"/>
      <c r="J162" s="248"/>
    </row>
    <row r="163" spans="4:10">
      <c r="D163" s="254"/>
      <c r="E163" s="254"/>
      <c r="F163" s="254"/>
      <c r="G163" s="254"/>
      <c r="H163" s="301"/>
      <c r="I163" s="248"/>
      <c r="J163" s="248"/>
    </row>
    <row r="164" spans="4:10">
      <c r="D164" s="254"/>
      <c r="E164" s="254"/>
      <c r="F164" s="254"/>
      <c r="G164" s="254"/>
      <c r="H164" s="301"/>
      <c r="I164" s="248"/>
      <c r="J164" s="248"/>
    </row>
    <row r="165" spans="4:10">
      <c r="D165" s="254"/>
      <c r="E165" s="254"/>
      <c r="F165" s="254"/>
      <c r="G165" s="254"/>
      <c r="H165" s="301"/>
      <c r="I165" s="248"/>
      <c r="J165" s="248"/>
    </row>
    <row r="166" spans="4:10">
      <c r="D166" s="254"/>
      <c r="E166" s="254"/>
      <c r="F166" s="254"/>
      <c r="G166" s="254"/>
      <c r="H166" s="301"/>
      <c r="I166" s="248"/>
      <c r="J166" s="248"/>
    </row>
    <row r="167" spans="4:10">
      <c r="D167" s="254"/>
      <c r="E167" s="254"/>
      <c r="F167" s="254"/>
      <c r="G167" s="254"/>
      <c r="H167" s="301"/>
      <c r="I167" s="248"/>
      <c r="J167" s="248"/>
    </row>
    <row r="168" spans="4:10">
      <c r="D168" s="254"/>
      <c r="E168" s="254"/>
      <c r="F168" s="254"/>
      <c r="G168" s="254"/>
      <c r="H168" s="301"/>
      <c r="I168" s="248"/>
      <c r="J168" s="248"/>
    </row>
    <row r="169" spans="4:10">
      <c r="D169" s="254"/>
      <c r="E169" s="254"/>
      <c r="F169" s="254"/>
      <c r="G169" s="254"/>
      <c r="H169" s="301"/>
      <c r="I169" s="248"/>
      <c r="J169" s="248"/>
    </row>
    <row r="170" spans="4:10">
      <c r="D170" s="254"/>
      <c r="E170" s="254"/>
      <c r="F170" s="254"/>
      <c r="G170" s="254"/>
      <c r="H170" s="301"/>
      <c r="I170" s="248"/>
      <c r="J170" s="248"/>
    </row>
    <row r="171" spans="4:10">
      <c r="D171" s="254"/>
      <c r="E171" s="254"/>
      <c r="F171" s="254"/>
      <c r="G171" s="254"/>
      <c r="H171" s="301"/>
      <c r="I171" s="248"/>
      <c r="J171" s="248"/>
    </row>
    <row r="172" spans="4:10">
      <c r="D172" s="254"/>
      <c r="E172" s="254"/>
      <c r="F172" s="254"/>
      <c r="G172" s="254"/>
      <c r="H172" s="301"/>
      <c r="I172" s="248"/>
      <c r="J172" s="248"/>
    </row>
    <row r="173" spans="4:10">
      <c r="D173" s="254"/>
      <c r="E173" s="254"/>
      <c r="F173" s="254"/>
      <c r="G173" s="254"/>
      <c r="H173" s="301"/>
      <c r="I173" s="248"/>
      <c r="J173" s="248"/>
    </row>
    <row r="174" spans="4:10">
      <c r="D174" s="254"/>
      <c r="E174" s="254"/>
      <c r="F174" s="254"/>
      <c r="G174" s="254"/>
      <c r="H174" s="301"/>
      <c r="I174" s="248"/>
      <c r="J174" s="248"/>
    </row>
    <row r="175" spans="4:10">
      <c r="D175" s="254"/>
      <c r="E175" s="254"/>
      <c r="F175" s="254"/>
      <c r="G175" s="254"/>
      <c r="H175" s="301"/>
      <c r="I175" s="248"/>
      <c r="J175" s="248"/>
    </row>
    <row r="176" spans="4:10">
      <c r="D176" s="254"/>
      <c r="E176" s="254"/>
      <c r="F176" s="254"/>
      <c r="G176" s="254"/>
      <c r="H176" s="301"/>
      <c r="I176" s="248"/>
      <c r="J176" s="248"/>
    </row>
    <row r="177" spans="4:10">
      <c r="D177" s="254"/>
      <c r="E177" s="254"/>
      <c r="F177" s="254"/>
      <c r="G177" s="254"/>
      <c r="H177" s="301"/>
      <c r="I177" s="248"/>
      <c r="J177" s="248"/>
    </row>
    <row r="178" spans="4:10">
      <c r="D178" s="254"/>
      <c r="E178" s="254"/>
      <c r="F178" s="254"/>
      <c r="G178" s="254"/>
      <c r="H178" s="301"/>
      <c r="I178" s="248"/>
      <c r="J178" s="248"/>
    </row>
    <row r="179" spans="4:10">
      <c r="D179" s="254"/>
      <c r="E179" s="254"/>
      <c r="F179" s="254"/>
      <c r="G179" s="254"/>
      <c r="H179" s="301"/>
      <c r="I179" s="248"/>
      <c r="J179" s="248"/>
    </row>
    <row r="180" spans="4:10">
      <c r="D180" s="254"/>
      <c r="E180" s="254"/>
      <c r="F180" s="254"/>
      <c r="G180" s="254"/>
      <c r="H180" s="301"/>
      <c r="I180" s="248"/>
      <c r="J180" s="248"/>
    </row>
    <row r="181" spans="4:10">
      <c r="D181" s="254"/>
      <c r="E181" s="254"/>
      <c r="F181" s="254"/>
      <c r="G181" s="254"/>
      <c r="H181" s="301"/>
      <c r="I181" s="248"/>
      <c r="J181" s="248"/>
    </row>
    <row r="182" spans="4:10">
      <c r="D182" s="254"/>
      <c r="E182" s="254"/>
      <c r="F182" s="254"/>
      <c r="G182" s="254"/>
      <c r="H182" s="301"/>
      <c r="I182" s="248"/>
      <c r="J182" s="248"/>
    </row>
    <row r="183" spans="4:10">
      <c r="D183" s="254"/>
      <c r="E183" s="254"/>
      <c r="F183" s="254"/>
      <c r="G183" s="254"/>
      <c r="H183" s="301"/>
      <c r="I183" s="248"/>
      <c r="J183" s="248"/>
    </row>
    <row r="184" spans="4:10">
      <c r="D184" s="254"/>
      <c r="E184" s="254"/>
      <c r="F184" s="254"/>
      <c r="G184" s="254"/>
      <c r="H184" s="301"/>
      <c r="I184" s="248"/>
      <c r="J184" s="248"/>
    </row>
    <row r="185" spans="4:10">
      <c r="D185" s="254"/>
      <c r="E185" s="254"/>
      <c r="F185" s="254"/>
      <c r="G185" s="254"/>
      <c r="H185" s="301"/>
      <c r="I185" s="248"/>
      <c r="J185" s="248"/>
    </row>
    <row r="186" spans="4:10">
      <c r="D186" s="254"/>
      <c r="E186" s="254"/>
      <c r="F186" s="254"/>
      <c r="G186" s="254"/>
      <c r="H186" s="301"/>
      <c r="I186" s="248"/>
      <c r="J186" s="248"/>
    </row>
    <row r="187" spans="4:10">
      <c r="D187" s="254"/>
      <c r="E187" s="254"/>
      <c r="F187" s="254"/>
      <c r="G187" s="254"/>
      <c r="H187" s="301"/>
      <c r="I187" s="248"/>
      <c r="J187" s="248"/>
    </row>
    <row r="188" spans="4:10">
      <c r="D188" s="254"/>
      <c r="E188" s="254"/>
      <c r="F188" s="254"/>
      <c r="G188" s="254"/>
      <c r="H188" s="301"/>
      <c r="I188" s="248"/>
      <c r="J188" s="248"/>
    </row>
    <row r="189" spans="4:10">
      <c r="D189" s="254"/>
      <c r="E189" s="254"/>
      <c r="F189" s="254"/>
      <c r="G189" s="254"/>
      <c r="H189" s="301"/>
      <c r="I189" s="248"/>
      <c r="J189" s="248"/>
    </row>
    <row r="190" spans="4:10">
      <c r="D190" s="254"/>
      <c r="E190" s="254"/>
      <c r="F190" s="254"/>
      <c r="G190" s="254"/>
      <c r="H190" s="301"/>
      <c r="I190" s="248"/>
      <c r="J190" s="248"/>
    </row>
    <row r="191" spans="4:10">
      <c r="D191" s="254"/>
      <c r="E191" s="254"/>
      <c r="F191" s="254"/>
      <c r="G191" s="254"/>
      <c r="H191" s="301"/>
      <c r="I191" s="248"/>
      <c r="J191" s="248"/>
    </row>
    <row r="192" spans="4:10">
      <c r="D192" s="254"/>
      <c r="E192" s="254"/>
      <c r="F192" s="254"/>
      <c r="G192" s="254"/>
      <c r="H192" s="301"/>
      <c r="I192" s="248"/>
      <c r="J192" s="248"/>
    </row>
    <row r="193" spans="4:10">
      <c r="D193" s="254"/>
      <c r="E193" s="254"/>
      <c r="F193" s="254"/>
      <c r="G193" s="254"/>
      <c r="H193" s="301"/>
      <c r="I193" s="248"/>
      <c r="J193" s="248"/>
    </row>
    <row r="194" spans="4:10">
      <c r="D194" s="254"/>
      <c r="E194" s="254"/>
      <c r="F194" s="254"/>
      <c r="G194" s="254"/>
      <c r="H194" s="301"/>
      <c r="I194" s="248"/>
      <c r="J194" s="248"/>
    </row>
    <row r="195" spans="4:10">
      <c r="D195" s="254"/>
      <c r="E195" s="254"/>
      <c r="F195" s="254"/>
      <c r="G195" s="254"/>
      <c r="H195" s="301"/>
      <c r="I195" s="248"/>
      <c r="J195" s="248"/>
    </row>
    <row r="196" spans="4:10">
      <c r="D196" s="254"/>
      <c r="E196" s="254"/>
      <c r="F196" s="254"/>
      <c r="G196" s="254"/>
      <c r="H196" s="301"/>
      <c r="I196" s="248"/>
      <c r="J196" s="248"/>
    </row>
    <row r="197" spans="4:10">
      <c r="D197" s="254"/>
      <c r="E197" s="254"/>
      <c r="F197" s="254"/>
      <c r="G197" s="254"/>
      <c r="H197" s="301"/>
      <c r="I197" s="248"/>
      <c r="J197" s="248"/>
    </row>
    <row r="198" spans="4:10">
      <c r="D198" s="254"/>
      <c r="E198" s="254"/>
      <c r="F198" s="254"/>
      <c r="G198" s="254"/>
      <c r="H198" s="301"/>
      <c r="I198" s="248"/>
      <c r="J198" s="248"/>
    </row>
    <row r="199" spans="4:10">
      <c r="D199" s="254"/>
      <c r="E199" s="254"/>
      <c r="F199" s="254"/>
      <c r="G199" s="254"/>
      <c r="H199" s="301"/>
      <c r="I199" s="248"/>
      <c r="J199" s="248"/>
    </row>
    <row r="200" spans="4:10">
      <c r="D200" s="254"/>
      <c r="E200" s="254"/>
      <c r="F200" s="254"/>
      <c r="G200" s="254"/>
      <c r="H200" s="301"/>
      <c r="I200" s="248"/>
      <c r="J200" s="248"/>
    </row>
    <row r="201" spans="4:10">
      <c r="D201" s="254"/>
      <c r="E201" s="254"/>
      <c r="F201" s="254"/>
      <c r="G201" s="254"/>
      <c r="H201" s="301"/>
      <c r="I201" s="248"/>
      <c r="J201" s="248"/>
    </row>
    <row r="202" spans="4:10">
      <c r="D202" s="254"/>
      <c r="E202" s="254"/>
      <c r="F202" s="254"/>
      <c r="G202" s="254"/>
      <c r="H202" s="301"/>
      <c r="I202" s="248"/>
      <c r="J202" s="248"/>
    </row>
    <row r="203" spans="4:10">
      <c r="D203" s="254"/>
      <c r="E203" s="254"/>
      <c r="F203" s="254"/>
      <c r="G203" s="254"/>
      <c r="H203" s="301"/>
      <c r="I203" s="248"/>
      <c r="J203" s="248"/>
    </row>
    <row r="204" spans="4:10">
      <c r="D204" s="254"/>
      <c r="E204" s="254"/>
      <c r="F204" s="254"/>
      <c r="G204" s="254"/>
      <c r="H204" s="301"/>
      <c r="I204" s="248"/>
      <c r="J204" s="248"/>
    </row>
    <row r="205" spans="4:10">
      <c r="D205" s="254"/>
      <c r="E205" s="254"/>
      <c r="F205" s="254"/>
      <c r="G205" s="254"/>
      <c r="H205" s="301"/>
      <c r="I205" s="248"/>
      <c r="J205" s="248"/>
    </row>
    <row r="206" spans="4:10">
      <c r="D206" s="254"/>
      <c r="E206" s="254"/>
      <c r="F206" s="254"/>
      <c r="G206" s="254"/>
      <c r="H206" s="301"/>
      <c r="I206" s="248"/>
      <c r="J206" s="248"/>
    </row>
    <row r="207" spans="4:10">
      <c r="D207" s="254"/>
      <c r="E207" s="254"/>
      <c r="F207" s="254"/>
      <c r="G207" s="254"/>
      <c r="H207" s="301"/>
      <c r="I207" s="248"/>
      <c r="J207" s="248"/>
    </row>
    <row r="208" spans="4:10">
      <c r="D208" s="254"/>
      <c r="E208" s="254"/>
      <c r="F208" s="254"/>
      <c r="G208" s="254"/>
      <c r="H208" s="301"/>
      <c r="I208" s="248"/>
      <c r="J208" s="248"/>
    </row>
    <row r="209" spans="4:10">
      <c r="D209" s="254"/>
      <c r="E209" s="254"/>
      <c r="F209" s="254"/>
      <c r="G209" s="254"/>
      <c r="H209" s="301"/>
      <c r="I209" s="248"/>
      <c r="J209" s="248"/>
    </row>
    <row r="210" spans="4:10">
      <c r="D210" s="254"/>
      <c r="E210" s="254"/>
      <c r="F210" s="254"/>
      <c r="G210" s="254"/>
      <c r="H210" s="301"/>
      <c r="I210" s="248"/>
      <c r="J210" s="248"/>
    </row>
    <row r="211" spans="4:10">
      <c r="D211" s="254"/>
      <c r="E211" s="254"/>
      <c r="F211" s="254"/>
      <c r="G211" s="254"/>
      <c r="H211" s="301"/>
      <c r="I211" s="248"/>
      <c r="J211" s="248"/>
    </row>
    <row r="212" spans="4:10">
      <c r="D212" s="254"/>
      <c r="E212" s="254"/>
      <c r="F212" s="254"/>
      <c r="G212" s="254"/>
      <c r="H212" s="301"/>
      <c r="I212" s="248"/>
      <c r="J212" s="248"/>
    </row>
    <row r="213" spans="4:10">
      <c r="D213" s="254"/>
      <c r="E213" s="254"/>
      <c r="F213" s="254"/>
      <c r="G213" s="254"/>
      <c r="H213" s="301"/>
      <c r="I213" s="248"/>
      <c r="J213" s="248"/>
    </row>
    <row r="214" spans="4:10">
      <c r="D214" s="254"/>
      <c r="E214" s="254"/>
      <c r="F214" s="254"/>
      <c r="G214" s="254"/>
      <c r="H214" s="301"/>
      <c r="I214" s="248"/>
      <c r="J214" s="248"/>
    </row>
    <row r="215" spans="4:10">
      <c r="D215" s="254"/>
      <c r="E215" s="254"/>
      <c r="F215" s="254"/>
      <c r="G215" s="254"/>
      <c r="H215" s="301"/>
      <c r="I215" s="248"/>
      <c r="J215" s="248"/>
    </row>
    <row r="216" spans="4:10">
      <c r="D216" s="254"/>
      <c r="E216" s="254"/>
      <c r="F216" s="254"/>
      <c r="G216" s="254"/>
      <c r="H216" s="301"/>
      <c r="I216" s="248"/>
      <c r="J216" s="248"/>
    </row>
    <row r="217" spans="4:10">
      <c r="D217" s="254"/>
      <c r="E217" s="254"/>
      <c r="F217" s="254"/>
      <c r="G217" s="254"/>
      <c r="H217" s="301"/>
      <c r="I217" s="248"/>
      <c r="J217" s="248"/>
    </row>
    <row r="218" spans="4:10">
      <c r="D218" s="254"/>
      <c r="E218" s="254"/>
      <c r="F218" s="254"/>
      <c r="G218" s="254"/>
      <c r="H218" s="301"/>
      <c r="I218" s="248"/>
      <c r="J218" s="248"/>
    </row>
    <row r="219" spans="4:10">
      <c r="D219" s="254"/>
      <c r="E219" s="254"/>
      <c r="F219" s="254"/>
      <c r="G219" s="254"/>
      <c r="H219" s="301"/>
      <c r="I219" s="248"/>
      <c r="J219" s="248"/>
    </row>
    <row r="220" spans="4:10">
      <c r="D220" s="254"/>
      <c r="E220" s="254"/>
      <c r="F220" s="254"/>
      <c r="G220" s="254"/>
      <c r="H220" s="301"/>
      <c r="I220" s="248"/>
      <c r="J220" s="248"/>
    </row>
    <row r="221" spans="4:10">
      <c r="D221" s="254"/>
      <c r="E221" s="254"/>
      <c r="F221" s="254"/>
      <c r="G221" s="254"/>
      <c r="H221" s="301"/>
      <c r="I221" s="248"/>
      <c r="J221" s="248"/>
    </row>
    <row r="222" spans="4:10">
      <c r="D222" s="254"/>
      <c r="E222" s="254"/>
      <c r="F222" s="254"/>
      <c r="G222" s="254"/>
      <c r="H222" s="301"/>
      <c r="I222" s="248"/>
      <c r="J222" s="248"/>
    </row>
    <row r="223" spans="4:10">
      <c r="D223" s="254"/>
      <c r="E223" s="254"/>
      <c r="F223" s="254"/>
      <c r="G223" s="254"/>
      <c r="H223" s="301"/>
      <c r="I223" s="248"/>
      <c r="J223" s="248"/>
    </row>
    <row r="224" spans="4:10">
      <c r="D224" s="254"/>
      <c r="E224" s="254"/>
      <c r="F224" s="254"/>
      <c r="G224" s="254"/>
      <c r="H224" s="301"/>
      <c r="I224" s="248"/>
      <c r="J224" s="248"/>
    </row>
    <row r="225" spans="4:10">
      <c r="D225" s="254"/>
      <c r="E225" s="254"/>
      <c r="F225" s="254"/>
      <c r="G225" s="254"/>
      <c r="H225" s="301"/>
      <c r="I225" s="248"/>
      <c r="J225" s="248"/>
    </row>
    <row r="226" spans="4:10">
      <c r="D226" s="254"/>
      <c r="E226" s="254"/>
      <c r="F226" s="254"/>
      <c r="G226" s="254"/>
      <c r="H226" s="301"/>
      <c r="I226" s="248"/>
      <c r="J226" s="248"/>
    </row>
    <row r="227" spans="4:10">
      <c r="D227" s="254"/>
      <c r="E227" s="254"/>
      <c r="F227" s="254"/>
      <c r="G227" s="254"/>
      <c r="H227" s="301"/>
      <c r="I227" s="248"/>
      <c r="J227" s="248"/>
    </row>
    <row r="228" spans="4:10">
      <c r="D228" s="254"/>
      <c r="E228" s="254"/>
      <c r="F228" s="254"/>
      <c r="G228" s="254"/>
      <c r="H228" s="301"/>
      <c r="I228" s="248"/>
      <c r="J228" s="248"/>
    </row>
    <row r="229" spans="4:10">
      <c r="D229" s="254"/>
      <c r="E229" s="254"/>
      <c r="F229" s="254"/>
      <c r="G229" s="254"/>
      <c r="H229" s="301"/>
      <c r="I229" s="248"/>
      <c r="J229" s="248"/>
    </row>
    <row r="230" spans="4:10">
      <c r="D230" s="254"/>
      <c r="E230" s="254"/>
      <c r="F230" s="254"/>
      <c r="G230" s="254"/>
      <c r="H230" s="301"/>
      <c r="I230" s="248"/>
      <c r="J230" s="248"/>
    </row>
    <row r="231" spans="4:10">
      <c r="D231" s="254"/>
      <c r="E231" s="254"/>
      <c r="F231" s="254"/>
      <c r="G231" s="254"/>
      <c r="H231" s="301"/>
      <c r="I231" s="248"/>
      <c r="J231" s="248"/>
    </row>
    <row r="232" spans="4:10">
      <c r="D232" s="254"/>
      <c r="E232" s="254"/>
      <c r="F232" s="254"/>
      <c r="G232" s="254"/>
      <c r="H232" s="301"/>
      <c r="I232" s="248"/>
      <c r="J232" s="248"/>
    </row>
    <row r="233" spans="4:10">
      <c r="D233" s="254"/>
      <c r="E233" s="254"/>
      <c r="F233" s="254"/>
      <c r="G233" s="254"/>
      <c r="H233" s="301"/>
      <c r="I233" s="248"/>
      <c r="J233" s="248"/>
    </row>
    <row r="234" spans="4:10">
      <c r="D234" s="254"/>
      <c r="E234" s="254"/>
      <c r="F234" s="254"/>
      <c r="G234" s="254"/>
      <c r="H234" s="301"/>
      <c r="I234" s="248"/>
      <c r="J234" s="248"/>
    </row>
    <row r="235" spans="4:10">
      <c r="D235" s="254"/>
      <c r="E235" s="254"/>
      <c r="F235" s="254"/>
      <c r="G235" s="254"/>
      <c r="H235" s="301"/>
      <c r="I235" s="248"/>
      <c r="J235" s="248"/>
    </row>
    <row r="236" spans="4:10">
      <c r="D236" s="254"/>
      <c r="E236" s="254"/>
      <c r="F236" s="254"/>
      <c r="G236" s="254"/>
      <c r="H236" s="301"/>
      <c r="I236" s="248"/>
      <c r="J236" s="248"/>
    </row>
    <row r="237" spans="4:10">
      <c r="D237" s="254"/>
      <c r="E237" s="254"/>
      <c r="F237" s="254"/>
      <c r="G237" s="254"/>
      <c r="H237" s="301"/>
      <c r="I237" s="248"/>
      <c r="J237" s="248"/>
    </row>
    <row r="238" spans="4:10">
      <c r="D238" s="254"/>
      <c r="E238" s="254"/>
      <c r="F238" s="254"/>
      <c r="G238" s="254"/>
      <c r="H238" s="301"/>
      <c r="I238" s="248"/>
      <c r="J238" s="248"/>
    </row>
    <row r="239" spans="4:10">
      <c r="D239" s="254"/>
      <c r="E239" s="254"/>
      <c r="F239" s="254"/>
      <c r="G239" s="254"/>
      <c r="H239" s="301"/>
      <c r="I239" s="248"/>
      <c r="J239" s="248"/>
    </row>
    <row r="240" spans="4:10">
      <c r="D240" s="254"/>
      <c r="E240" s="254"/>
      <c r="F240" s="254"/>
      <c r="G240" s="254"/>
      <c r="H240" s="301"/>
      <c r="I240" s="248"/>
      <c r="J240" s="248"/>
    </row>
    <row r="241" spans="4:10">
      <c r="D241" s="254"/>
      <c r="E241" s="254"/>
      <c r="F241" s="254"/>
      <c r="G241" s="254"/>
      <c r="H241" s="301"/>
      <c r="I241" s="248"/>
      <c r="J241" s="248"/>
    </row>
    <row r="242" spans="4:10">
      <c r="D242" s="254"/>
      <c r="E242" s="254"/>
      <c r="F242" s="254"/>
      <c r="G242" s="254"/>
      <c r="H242" s="301"/>
      <c r="I242" s="248"/>
      <c r="J242" s="248"/>
    </row>
    <row r="243" spans="4:10">
      <c r="D243" s="254"/>
      <c r="E243" s="254"/>
      <c r="F243" s="254"/>
      <c r="G243" s="254"/>
      <c r="H243" s="301"/>
      <c r="I243" s="248"/>
      <c r="J243" s="248"/>
    </row>
    <row r="244" spans="4:10">
      <c r="D244" s="254"/>
      <c r="E244" s="254"/>
      <c r="F244" s="254"/>
      <c r="G244" s="254"/>
      <c r="H244" s="301"/>
      <c r="I244" s="248"/>
      <c r="J244" s="248"/>
    </row>
    <row r="245" spans="4:10">
      <c r="D245" s="254"/>
      <c r="E245" s="254"/>
      <c r="F245" s="254"/>
      <c r="G245" s="254"/>
      <c r="H245" s="301"/>
      <c r="I245" s="248"/>
      <c r="J245" s="248"/>
    </row>
    <row r="246" spans="4:10">
      <c r="D246" s="254"/>
      <c r="E246" s="254"/>
      <c r="F246" s="254"/>
      <c r="G246" s="254"/>
      <c r="H246" s="301"/>
      <c r="I246" s="248"/>
      <c r="J246" s="248"/>
    </row>
    <row r="247" spans="4:10">
      <c r="D247" s="254"/>
      <c r="E247" s="254"/>
      <c r="F247" s="254"/>
      <c r="G247" s="254"/>
      <c r="H247" s="301"/>
      <c r="I247" s="248"/>
      <c r="J247" s="248"/>
    </row>
    <row r="248" spans="4:10">
      <c r="D248" s="254"/>
      <c r="E248" s="254"/>
      <c r="F248" s="254"/>
      <c r="G248" s="254"/>
      <c r="H248" s="301"/>
      <c r="I248" s="248"/>
      <c r="J248" s="248"/>
    </row>
    <row r="249" spans="4:10">
      <c r="D249" s="254"/>
      <c r="E249" s="254"/>
      <c r="F249" s="254"/>
      <c r="G249" s="254"/>
      <c r="H249" s="301"/>
      <c r="I249" s="248"/>
      <c r="J249" s="248"/>
    </row>
    <row r="250" spans="4:10">
      <c r="D250" s="254"/>
      <c r="E250" s="254"/>
      <c r="F250" s="254"/>
      <c r="G250" s="254"/>
      <c r="H250" s="301"/>
      <c r="I250" s="248"/>
      <c r="J250" s="248"/>
    </row>
    <row r="251" spans="4:10">
      <c r="D251" s="254"/>
      <c r="E251" s="254"/>
      <c r="F251" s="254"/>
      <c r="G251" s="254"/>
      <c r="H251" s="301"/>
      <c r="I251" s="248"/>
      <c r="J251" s="248"/>
    </row>
    <row r="252" spans="4:10">
      <c r="D252" s="254"/>
      <c r="E252" s="254"/>
      <c r="F252" s="254"/>
      <c r="G252" s="254"/>
      <c r="H252" s="301"/>
      <c r="I252" s="248"/>
      <c r="J252" s="248"/>
    </row>
    <row r="253" spans="4:10">
      <c r="D253" s="254"/>
      <c r="E253" s="254"/>
      <c r="F253" s="254"/>
      <c r="G253" s="254"/>
      <c r="H253" s="301"/>
      <c r="I253" s="248"/>
      <c r="J253" s="248"/>
    </row>
    <row r="254" spans="4:10">
      <c r="D254" s="254"/>
      <c r="E254" s="254"/>
      <c r="F254" s="254"/>
      <c r="G254" s="254"/>
      <c r="H254" s="301"/>
      <c r="I254" s="248"/>
      <c r="J254" s="248"/>
    </row>
    <row r="255" spans="4:10">
      <c r="D255" s="254"/>
      <c r="E255" s="254"/>
      <c r="F255" s="254"/>
      <c r="G255" s="254"/>
      <c r="H255" s="301"/>
      <c r="I255" s="248"/>
      <c r="J255" s="248"/>
    </row>
    <row r="256" spans="4:10">
      <c r="D256" s="254"/>
      <c r="E256" s="254"/>
      <c r="F256" s="254"/>
      <c r="G256" s="254"/>
      <c r="H256" s="301"/>
      <c r="I256" s="248"/>
      <c r="J256" s="248"/>
    </row>
    <row r="257" spans="4:10">
      <c r="D257" s="254"/>
      <c r="E257" s="254"/>
      <c r="F257" s="254"/>
      <c r="G257" s="254"/>
      <c r="H257" s="301"/>
      <c r="I257" s="248"/>
      <c r="J257" s="248"/>
    </row>
    <row r="258" spans="4:10">
      <c r="D258" s="254"/>
      <c r="E258" s="254"/>
      <c r="F258" s="254"/>
      <c r="G258" s="254"/>
      <c r="H258" s="301"/>
      <c r="I258" s="248"/>
      <c r="J258" s="248"/>
    </row>
    <row r="259" spans="4:10">
      <c r="D259" s="254"/>
      <c r="E259" s="254"/>
      <c r="F259" s="254"/>
      <c r="G259" s="254"/>
      <c r="H259" s="301"/>
      <c r="I259" s="248"/>
      <c r="J259" s="248"/>
    </row>
    <row r="260" spans="4:10">
      <c r="D260" s="254"/>
      <c r="E260" s="254"/>
      <c r="F260" s="254"/>
      <c r="G260" s="254"/>
      <c r="H260" s="301"/>
      <c r="I260" s="248"/>
      <c r="J260" s="248"/>
    </row>
    <row r="261" spans="4:10">
      <c r="D261" s="254"/>
      <c r="E261" s="254"/>
      <c r="F261" s="254"/>
      <c r="G261" s="254"/>
      <c r="H261" s="301"/>
      <c r="I261" s="248"/>
      <c r="J261" s="248"/>
    </row>
    <row r="262" spans="4:10">
      <c r="D262" s="254"/>
      <c r="E262" s="254"/>
      <c r="F262" s="254"/>
      <c r="G262" s="254"/>
      <c r="H262" s="301"/>
    </row>
    <row r="263" spans="4:10">
      <c r="D263" s="254"/>
      <c r="E263" s="254"/>
      <c r="F263" s="254"/>
      <c r="G263" s="254"/>
      <c r="H263" s="301"/>
    </row>
    <row r="264" spans="4:10">
      <c r="D264" s="254"/>
      <c r="E264" s="254"/>
      <c r="F264" s="254"/>
      <c r="G264" s="254"/>
      <c r="H264" s="301"/>
    </row>
    <row r="265" spans="4:10">
      <c r="D265" s="254"/>
      <c r="E265" s="254"/>
      <c r="F265" s="254"/>
      <c r="G265" s="254"/>
      <c r="H265" s="301"/>
    </row>
    <row r="266" spans="4:10">
      <c r="D266" s="254"/>
      <c r="E266" s="254"/>
      <c r="F266" s="254"/>
      <c r="G266" s="254"/>
      <c r="H266" s="301"/>
    </row>
    <row r="267" spans="4:10">
      <c r="D267" s="254"/>
      <c r="E267" s="254"/>
      <c r="F267" s="254"/>
      <c r="G267" s="254"/>
      <c r="H267" s="301"/>
    </row>
    <row r="268" spans="4:10">
      <c r="D268" s="254"/>
      <c r="E268" s="254"/>
      <c r="F268" s="254"/>
      <c r="G268" s="254"/>
      <c r="H268" s="301"/>
    </row>
    <row r="269" spans="4:10">
      <c r="D269" s="254"/>
      <c r="E269" s="254"/>
      <c r="F269" s="254"/>
      <c r="G269" s="254"/>
      <c r="H269" s="301"/>
    </row>
    <row r="270" spans="4:10">
      <c r="D270" s="254"/>
      <c r="E270" s="254"/>
      <c r="F270" s="254"/>
      <c r="G270" s="254"/>
      <c r="H270" s="301"/>
    </row>
    <row r="271" spans="4:10">
      <c r="D271" s="254"/>
      <c r="E271" s="254"/>
      <c r="F271" s="254"/>
      <c r="G271" s="254"/>
      <c r="H271" s="301"/>
    </row>
    <row r="272" spans="4:10">
      <c r="D272" s="254"/>
      <c r="E272" s="254"/>
      <c r="F272" s="254"/>
      <c r="G272" s="254"/>
      <c r="H272" s="301"/>
    </row>
    <row r="273" spans="4:8">
      <c r="D273" s="254"/>
      <c r="E273" s="254"/>
      <c r="F273" s="254"/>
      <c r="G273" s="254"/>
      <c r="H273" s="301"/>
    </row>
    <row r="274" spans="4:8">
      <c r="D274" s="254"/>
      <c r="E274" s="254"/>
      <c r="F274" s="254"/>
      <c r="G274" s="254"/>
      <c r="H274" s="301"/>
    </row>
    <row r="275" spans="4:8">
      <c r="D275" s="254"/>
      <c r="E275" s="254"/>
      <c r="F275" s="254"/>
      <c r="G275" s="254"/>
      <c r="H275" s="301"/>
    </row>
    <row r="276" spans="4:8">
      <c r="D276" s="254"/>
      <c r="E276" s="254"/>
      <c r="F276" s="254"/>
      <c r="G276" s="254"/>
      <c r="H276" s="301"/>
    </row>
    <row r="277" spans="4:8">
      <c r="D277" s="254"/>
      <c r="E277" s="254"/>
      <c r="F277" s="254"/>
      <c r="G277" s="254"/>
      <c r="H277" s="301"/>
    </row>
    <row r="278" spans="4:8">
      <c r="D278" s="254"/>
      <c r="E278" s="254"/>
      <c r="F278" s="254"/>
      <c r="G278" s="254"/>
      <c r="H278" s="301"/>
    </row>
    <row r="279" spans="4:8">
      <c r="D279" s="254"/>
      <c r="E279" s="254"/>
      <c r="F279" s="254"/>
      <c r="G279" s="254"/>
      <c r="H279" s="301"/>
    </row>
    <row r="280" spans="4:8">
      <c r="D280" s="254"/>
      <c r="E280" s="254"/>
      <c r="F280" s="254"/>
      <c r="G280" s="254"/>
      <c r="H280" s="301"/>
    </row>
    <row r="281" spans="4:8">
      <c r="D281" s="254"/>
      <c r="E281" s="254"/>
      <c r="F281" s="254"/>
      <c r="G281" s="254"/>
      <c r="H281" s="301"/>
    </row>
    <row r="282" spans="4:8">
      <c r="D282" s="254"/>
      <c r="E282" s="254"/>
      <c r="F282" s="254"/>
      <c r="G282" s="254"/>
      <c r="H282" s="301"/>
    </row>
    <row r="283" spans="4:8">
      <c r="D283" s="254"/>
      <c r="E283" s="254"/>
      <c r="F283" s="254"/>
      <c r="G283" s="254"/>
      <c r="H283" s="301"/>
    </row>
    <row r="284" spans="4:8">
      <c r="D284" s="254"/>
      <c r="E284" s="254"/>
      <c r="F284" s="254"/>
      <c r="G284" s="254"/>
      <c r="H284" s="301"/>
    </row>
  </sheetData>
  <mergeCells count="114">
    <mergeCell ref="A3:B3"/>
    <mergeCell ref="C3:F3"/>
    <mergeCell ref="I11:J11"/>
    <mergeCell ref="I12:J12"/>
    <mergeCell ref="I13:J13"/>
    <mergeCell ref="I14:J14"/>
    <mergeCell ref="I15:J15"/>
    <mergeCell ref="I16:J16"/>
    <mergeCell ref="I17:J17"/>
    <mergeCell ref="I18:J18"/>
    <mergeCell ref="I19:J19"/>
    <mergeCell ref="I20:J20"/>
    <mergeCell ref="I21:J21"/>
    <mergeCell ref="I22:J22"/>
    <mergeCell ref="I23:J23"/>
    <mergeCell ref="I24:J24"/>
    <mergeCell ref="I25:J25"/>
    <mergeCell ref="I26:J26"/>
    <mergeCell ref="I27:J27"/>
    <mergeCell ref="I28:J28"/>
    <mergeCell ref="I29:J29"/>
    <mergeCell ref="I30:J30"/>
    <mergeCell ref="I31:J31"/>
    <mergeCell ref="I32:J32"/>
    <mergeCell ref="I33:J33"/>
    <mergeCell ref="I34:J34"/>
    <mergeCell ref="I35:J35"/>
    <mergeCell ref="I36:J36"/>
    <mergeCell ref="I37:J37"/>
    <mergeCell ref="I38:J38"/>
    <mergeCell ref="I39:J39"/>
    <mergeCell ref="I40:J40"/>
    <mergeCell ref="I41:J41"/>
    <mergeCell ref="I42:J42"/>
    <mergeCell ref="I43:J43"/>
    <mergeCell ref="I44:J44"/>
    <mergeCell ref="I45:J45"/>
    <mergeCell ref="I46:J46"/>
    <mergeCell ref="I47:J47"/>
    <mergeCell ref="I48:J48"/>
    <mergeCell ref="I49:J49"/>
    <mergeCell ref="I50:J50"/>
    <mergeCell ref="I51:J51"/>
    <mergeCell ref="I52:J52"/>
    <mergeCell ref="I53:J53"/>
    <mergeCell ref="I54:J54"/>
    <mergeCell ref="I55:J55"/>
    <mergeCell ref="I56:J56"/>
    <mergeCell ref="I57:J57"/>
    <mergeCell ref="I58:J58"/>
    <mergeCell ref="I59:J59"/>
    <mergeCell ref="I60:J60"/>
    <mergeCell ref="I61:J61"/>
    <mergeCell ref="I62:J62"/>
    <mergeCell ref="I63:J63"/>
    <mergeCell ref="I64:J64"/>
    <mergeCell ref="I65:J65"/>
    <mergeCell ref="I66:J66"/>
    <mergeCell ref="I67:J67"/>
    <mergeCell ref="I68:J68"/>
    <mergeCell ref="I69:J69"/>
    <mergeCell ref="I70:J70"/>
    <mergeCell ref="I71:J71"/>
    <mergeCell ref="I72:J72"/>
    <mergeCell ref="I73:J73"/>
    <mergeCell ref="I74:J74"/>
    <mergeCell ref="I75:J75"/>
    <mergeCell ref="I76:J76"/>
    <mergeCell ref="I77:J77"/>
    <mergeCell ref="I78:J78"/>
    <mergeCell ref="I79:J79"/>
    <mergeCell ref="I80:J80"/>
    <mergeCell ref="I81:J81"/>
    <mergeCell ref="I82:J82"/>
    <mergeCell ref="I83:J83"/>
    <mergeCell ref="I84:J84"/>
    <mergeCell ref="I85:J85"/>
    <mergeCell ref="I86:J86"/>
    <mergeCell ref="I87:J87"/>
    <mergeCell ref="I88:J88"/>
    <mergeCell ref="I89:J89"/>
    <mergeCell ref="I90:J90"/>
    <mergeCell ref="I91:J91"/>
    <mergeCell ref="I92:J92"/>
    <mergeCell ref="I93:J93"/>
    <mergeCell ref="I94:J94"/>
    <mergeCell ref="I95:J95"/>
    <mergeCell ref="I96:J96"/>
    <mergeCell ref="I97:J97"/>
    <mergeCell ref="I98:J98"/>
    <mergeCell ref="I99:J99"/>
    <mergeCell ref="I100:J100"/>
    <mergeCell ref="I101:J101"/>
    <mergeCell ref="I102:J102"/>
    <mergeCell ref="I103:J103"/>
    <mergeCell ref="I104:J104"/>
    <mergeCell ref="I105:J105"/>
    <mergeCell ref="I106:J106"/>
    <mergeCell ref="I107:J107"/>
    <mergeCell ref="I108:J108"/>
    <mergeCell ref="I109:J109"/>
    <mergeCell ref="I110:J110"/>
    <mergeCell ref="I3:J6"/>
    <mergeCell ref="A5:E6"/>
    <mergeCell ref="F5:F6"/>
    <mergeCell ref="A8:A10"/>
    <mergeCell ref="B8:B10"/>
    <mergeCell ref="C8:C10"/>
    <mergeCell ref="D8:E9"/>
    <mergeCell ref="F8:F10"/>
    <mergeCell ref="G8:G10"/>
    <mergeCell ref="H8:H10"/>
    <mergeCell ref="I8:J10"/>
    <mergeCell ref="K11:AT14"/>
  </mergeCells>
  <phoneticPr fontId="35"/>
  <dataValidations count="1">
    <dataValidation imeMode="halfAlpha" allowBlank="1" showDropDown="0" showInputMessage="1" showErrorMessage="1" sqref="B11:C110 F11:F110"/>
  </dataValidations>
  <pageMargins left="0.39370078740157477" right="0" top="0.6692913385826772" bottom="0.62992125984251968" header="0.31496062992125984" footer="0.35433070866141736"/>
  <pageSetup paperSize="9" scale="35" fitToWidth="1" fitToHeight="0" orientation="portrait" usePrinterDefaults="1" cellComments="asDisplayed" r:id="rId1"/>
  <headerFooter alignWithMargins="0"/>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sheetPr codeName="Sheet9">
    <pageSetUpPr fitToPage="1"/>
  </sheetPr>
  <dimension ref="A1:K1749"/>
  <sheetViews>
    <sheetView zoomScale="90" zoomScaleNormal="90" workbookViewId="0">
      <selection activeCell="I19" sqref="I19"/>
    </sheetView>
  </sheetViews>
  <sheetFormatPr defaultColWidth="8.90625" defaultRowHeight="13"/>
  <cols>
    <col min="1" max="1" width="51.453125" customWidth="1"/>
    <col min="2" max="2" width="9.6328125" customWidth="1"/>
    <col min="6" max="6" width="9" customWidth="1"/>
    <col min="7" max="7" width="10" customWidth="1"/>
    <col min="9" max="9" width="43.90625" style="254" customWidth="1"/>
  </cols>
  <sheetData>
    <row r="1" spans="1:11">
      <c r="A1" s="323" t="s">
        <v>384</v>
      </c>
      <c r="B1" s="323"/>
      <c r="D1" s="120" t="s">
        <v>387</v>
      </c>
      <c r="F1" s="120" t="s">
        <v>388</v>
      </c>
      <c r="I1" s="254" t="s">
        <v>389</v>
      </c>
      <c r="K1" s="120" t="s">
        <v>390</v>
      </c>
    </row>
    <row r="2" spans="1:11" ht="26">
      <c r="A2" s="324" t="s">
        <v>391</v>
      </c>
      <c r="B2" s="329" t="s">
        <v>395</v>
      </c>
      <c r="D2" s="333" t="s">
        <v>139</v>
      </c>
      <c r="F2" s="333" t="s">
        <v>139</v>
      </c>
      <c r="G2" s="338" t="s">
        <v>398</v>
      </c>
      <c r="I2" s="342" t="s">
        <v>401</v>
      </c>
      <c r="K2" s="346" t="s">
        <v>404</v>
      </c>
    </row>
    <row r="3" spans="1:11" ht="26">
      <c r="A3" s="325" t="s">
        <v>122</v>
      </c>
      <c r="B3" s="330" t="s">
        <v>411</v>
      </c>
      <c r="D3" s="334" t="s">
        <v>413</v>
      </c>
      <c r="F3" s="337" t="s">
        <v>413</v>
      </c>
      <c r="G3" s="339" t="s">
        <v>416</v>
      </c>
      <c r="I3" s="343" t="s">
        <v>419</v>
      </c>
      <c r="K3" s="347" t="s">
        <v>421</v>
      </c>
    </row>
    <row r="4" spans="1:11" ht="26">
      <c r="A4" s="326" t="s">
        <v>110</v>
      </c>
      <c r="B4" s="331" t="s">
        <v>372</v>
      </c>
      <c r="D4" s="335" t="s">
        <v>426</v>
      </c>
      <c r="F4" s="335" t="s">
        <v>413</v>
      </c>
      <c r="G4" s="340" t="s">
        <v>138</v>
      </c>
      <c r="I4" s="344" t="s">
        <v>427</v>
      </c>
      <c r="K4" s="348"/>
    </row>
    <row r="5" spans="1:11">
      <c r="A5" s="326" t="s">
        <v>153</v>
      </c>
      <c r="B5" s="331" t="s">
        <v>429</v>
      </c>
      <c r="D5" s="335" t="s">
        <v>208</v>
      </c>
      <c r="F5" s="335" t="s">
        <v>413</v>
      </c>
      <c r="G5" s="340" t="s">
        <v>112</v>
      </c>
      <c r="I5" s="345" t="s">
        <v>333</v>
      </c>
    </row>
    <row r="6" spans="1:11">
      <c r="A6" s="327" t="s">
        <v>155</v>
      </c>
      <c r="B6" s="331" t="s">
        <v>430</v>
      </c>
      <c r="D6" s="335" t="s">
        <v>434</v>
      </c>
      <c r="F6" s="335" t="s">
        <v>413</v>
      </c>
      <c r="G6" s="340" t="s">
        <v>435</v>
      </c>
    </row>
    <row r="7" spans="1:11">
      <c r="A7" s="326" t="s">
        <v>160</v>
      </c>
      <c r="B7" s="331" t="s">
        <v>342</v>
      </c>
      <c r="D7" s="335" t="s">
        <v>442</v>
      </c>
      <c r="F7" s="335" t="s">
        <v>413</v>
      </c>
      <c r="G7" s="340" t="s">
        <v>1</v>
      </c>
    </row>
    <row r="8" spans="1:11">
      <c r="A8" s="326" t="s">
        <v>163</v>
      </c>
      <c r="B8" s="331" t="s">
        <v>443</v>
      </c>
      <c r="D8" s="335" t="s">
        <v>352</v>
      </c>
      <c r="F8" s="335" t="s">
        <v>413</v>
      </c>
      <c r="G8" s="340" t="s">
        <v>151</v>
      </c>
    </row>
    <row r="9" spans="1:11">
      <c r="A9" s="326" t="s">
        <v>165</v>
      </c>
      <c r="B9" s="331" t="s">
        <v>448</v>
      </c>
      <c r="D9" s="335" t="s">
        <v>451</v>
      </c>
      <c r="F9" s="335" t="s">
        <v>413</v>
      </c>
      <c r="G9" s="340" t="s">
        <v>454</v>
      </c>
    </row>
    <row r="10" spans="1:11">
      <c r="A10" s="326" t="s">
        <v>171</v>
      </c>
      <c r="B10" s="331" t="s">
        <v>75</v>
      </c>
      <c r="D10" s="335" t="s">
        <v>462</v>
      </c>
      <c r="F10" s="335" t="s">
        <v>413</v>
      </c>
      <c r="G10" s="340" t="s">
        <v>467</v>
      </c>
    </row>
    <row r="11" spans="1:11">
      <c r="A11" s="326" t="s">
        <v>174</v>
      </c>
      <c r="B11" s="331" t="s">
        <v>225</v>
      </c>
      <c r="D11" s="335" t="s">
        <v>468</v>
      </c>
      <c r="F11" s="335" t="s">
        <v>413</v>
      </c>
      <c r="G11" s="340" t="s">
        <v>474</v>
      </c>
    </row>
    <row r="12" spans="1:11">
      <c r="A12" s="326" t="s">
        <v>3</v>
      </c>
      <c r="B12" s="331" t="s">
        <v>475</v>
      </c>
      <c r="D12" s="335" t="s">
        <v>194</v>
      </c>
      <c r="F12" s="335" t="s">
        <v>413</v>
      </c>
      <c r="G12" s="340" t="s">
        <v>477</v>
      </c>
    </row>
    <row r="13" spans="1:11">
      <c r="A13" s="326" t="s">
        <v>157</v>
      </c>
      <c r="B13" s="331" t="s">
        <v>480</v>
      </c>
      <c r="D13" s="335" t="s">
        <v>482</v>
      </c>
      <c r="F13" s="335" t="s">
        <v>413</v>
      </c>
      <c r="G13" s="340" t="s">
        <v>483</v>
      </c>
    </row>
    <row r="14" spans="1:11">
      <c r="A14" s="326" t="s">
        <v>486</v>
      </c>
      <c r="B14" s="331" t="s">
        <v>487</v>
      </c>
      <c r="D14" s="335" t="s">
        <v>488</v>
      </c>
      <c r="F14" s="335" t="s">
        <v>413</v>
      </c>
      <c r="G14" s="340" t="s">
        <v>491</v>
      </c>
    </row>
    <row r="15" spans="1:11">
      <c r="A15" s="326" t="s">
        <v>493</v>
      </c>
      <c r="B15" s="331" t="s">
        <v>495</v>
      </c>
      <c r="D15" s="335" t="s">
        <v>38</v>
      </c>
      <c r="F15" s="335" t="s">
        <v>413</v>
      </c>
      <c r="G15" s="340" t="s">
        <v>182</v>
      </c>
    </row>
    <row r="16" spans="1:11">
      <c r="A16" s="326" t="s">
        <v>185</v>
      </c>
      <c r="B16" s="331" t="s">
        <v>170</v>
      </c>
      <c r="D16" s="335" t="s">
        <v>498</v>
      </c>
      <c r="F16" s="335" t="s">
        <v>413</v>
      </c>
      <c r="G16" s="340" t="s">
        <v>501</v>
      </c>
    </row>
    <row r="17" spans="1:7">
      <c r="A17" s="326" t="s">
        <v>55</v>
      </c>
      <c r="B17" s="331" t="s">
        <v>44</v>
      </c>
      <c r="D17" s="335" t="s">
        <v>340</v>
      </c>
      <c r="F17" s="335" t="s">
        <v>413</v>
      </c>
      <c r="G17" s="340" t="s">
        <v>503</v>
      </c>
    </row>
    <row r="18" spans="1:7">
      <c r="A18" s="326" t="s">
        <v>76</v>
      </c>
      <c r="B18" s="331" t="s">
        <v>509</v>
      </c>
      <c r="D18" s="335" t="s">
        <v>513</v>
      </c>
      <c r="F18" s="335" t="s">
        <v>413</v>
      </c>
      <c r="G18" s="340" t="s">
        <v>221</v>
      </c>
    </row>
    <row r="19" spans="1:7">
      <c r="A19" s="326" t="s">
        <v>62</v>
      </c>
      <c r="B19" s="331" t="s">
        <v>452</v>
      </c>
      <c r="D19" s="335" t="s">
        <v>402</v>
      </c>
      <c r="F19" s="335" t="s">
        <v>413</v>
      </c>
      <c r="G19" s="340" t="s">
        <v>516</v>
      </c>
    </row>
    <row r="20" spans="1:7">
      <c r="A20" s="326" t="s">
        <v>136</v>
      </c>
      <c r="B20" s="331" t="s">
        <v>231</v>
      </c>
      <c r="D20" s="335" t="s">
        <v>520</v>
      </c>
      <c r="F20" s="335" t="s">
        <v>413</v>
      </c>
      <c r="G20" s="340" t="s">
        <v>522</v>
      </c>
    </row>
    <row r="21" spans="1:7">
      <c r="A21" s="326" t="s">
        <v>191</v>
      </c>
      <c r="B21" s="331" t="s">
        <v>523</v>
      </c>
      <c r="D21" s="335" t="s">
        <v>526</v>
      </c>
      <c r="F21" s="335" t="s">
        <v>413</v>
      </c>
      <c r="G21" s="340" t="s">
        <v>528</v>
      </c>
    </row>
    <row r="22" spans="1:7">
      <c r="A22" s="326" t="s">
        <v>167</v>
      </c>
      <c r="B22" s="331" t="s">
        <v>530</v>
      </c>
      <c r="D22" s="335" t="s">
        <v>533</v>
      </c>
      <c r="F22" s="335" t="s">
        <v>413</v>
      </c>
      <c r="G22" s="340" t="s">
        <v>535</v>
      </c>
    </row>
    <row r="23" spans="1:7">
      <c r="A23" s="326" t="s">
        <v>181</v>
      </c>
      <c r="B23" s="331" t="s">
        <v>541</v>
      </c>
      <c r="D23" s="335" t="s">
        <v>543</v>
      </c>
      <c r="F23" s="335" t="s">
        <v>413</v>
      </c>
      <c r="G23" s="340" t="s">
        <v>525</v>
      </c>
    </row>
    <row r="24" spans="1:7">
      <c r="A24" s="326" t="s">
        <v>32</v>
      </c>
      <c r="B24" s="331" t="s">
        <v>544</v>
      </c>
      <c r="D24" s="335" t="s">
        <v>223</v>
      </c>
      <c r="F24" s="335" t="s">
        <v>413</v>
      </c>
      <c r="G24" s="340" t="s">
        <v>547</v>
      </c>
    </row>
    <row r="25" spans="1:7">
      <c r="A25" s="326" t="s">
        <v>47</v>
      </c>
      <c r="B25" s="331" t="s">
        <v>549</v>
      </c>
      <c r="D25" s="335" t="s">
        <v>292</v>
      </c>
      <c r="F25" s="335" t="s">
        <v>413</v>
      </c>
      <c r="G25" s="340" t="s">
        <v>553</v>
      </c>
    </row>
    <row r="26" spans="1:7">
      <c r="A26" s="326" t="s">
        <v>195</v>
      </c>
      <c r="B26" s="331" t="s">
        <v>555</v>
      </c>
      <c r="D26" s="335" t="s">
        <v>557</v>
      </c>
      <c r="F26" s="335" t="s">
        <v>413</v>
      </c>
      <c r="G26" s="340" t="s">
        <v>560</v>
      </c>
    </row>
    <row r="27" spans="1:7">
      <c r="A27" s="326" t="s">
        <v>199</v>
      </c>
      <c r="B27" s="331" t="s">
        <v>565</v>
      </c>
      <c r="D27" s="335" t="s">
        <v>569</v>
      </c>
      <c r="F27" s="335" t="s">
        <v>413</v>
      </c>
      <c r="G27" s="340" t="s">
        <v>306</v>
      </c>
    </row>
    <row r="28" spans="1:7">
      <c r="A28" s="326" t="s">
        <v>201</v>
      </c>
      <c r="B28" s="331" t="s">
        <v>329</v>
      </c>
      <c r="D28" s="335" t="s">
        <v>377</v>
      </c>
      <c r="F28" s="335" t="s">
        <v>413</v>
      </c>
      <c r="G28" s="340" t="s">
        <v>571</v>
      </c>
    </row>
    <row r="29" spans="1:7">
      <c r="A29" s="326" t="s">
        <v>80</v>
      </c>
      <c r="B29" s="331" t="s">
        <v>574</v>
      </c>
      <c r="D29" s="335" t="s">
        <v>576</v>
      </c>
      <c r="F29" s="335" t="s">
        <v>413</v>
      </c>
      <c r="G29" s="340" t="s">
        <v>289</v>
      </c>
    </row>
    <row r="30" spans="1:7">
      <c r="A30" s="326" t="s">
        <v>203</v>
      </c>
      <c r="B30" s="331" t="s">
        <v>579</v>
      </c>
      <c r="D30" s="335" t="s">
        <v>581</v>
      </c>
      <c r="F30" s="335" t="s">
        <v>413</v>
      </c>
      <c r="G30" s="340" t="s">
        <v>587</v>
      </c>
    </row>
    <row r="31" spans="1:7">
      <c r="A31" s="326" t="s">
        <v>204</v>
      </c>
      <c r="B31" s="331" t="s">
        <v>590</v>
      </c>
      <c r="D31" s="335" t="s">
        <v>552</v>
      </c>
      <c r="F31" s="335" t="s">
        <v>413</v>
      </c>
      <c r="G31" s="340" t="s">
        <v>591</v>
      </c>
    </row>
    <row r="32" spans="1:7">
      <c r="A32" s="326" t="s">
        <v>213</v>
      </c>
      <c r="B32" s="331" t="s">
        <v>593</v>
      </c>
      <c r="D32" s="335" t="s">
        <v>595</v>
      </c>
      <c r="F32" s="335" t="s">
        <v>413</v>
      </c>
      <c r="G32" s="340" t="s">
        <v>596</v>
      </c>
    </row>
    <row r="33" spans="1:7">
      <c r="A33" s="326" t="s">
        <v>215</v>
      </c>
      <c r="B33" s="331" t="s">
        <v>598</v>
      </c>
      <c r="D33" s="335" t="s">
        <v>600</v>
      </c>
      <c r="F33" s="335" t="s">
        <v>413</v>
      </c>
      <c r="G33" s="340" t="s">
        <v>104</v>
      </c>
    </row>
    <row r="34" spans="1:7">
      <c r="A34" s="326" t="s">
        <v>217</v>
      </c>
      <c r="B34" s="331" t="s">
        <v>82</v>
      </c>
      <c r="D34" s="335" t="s">
        <v>602</v>
      </c>
      <c r="F34" s="335" t="s">
        <v>413</v>
      </c>
      <c r="G34" s="340" t="s">
        <v>8</v>
      </c>
    </row>
    <row r="35" spans="1:7">
      <c r="A35" s="326" t="s">
        <v>219</v>
      </c>
      <c r="B35" s="331" t="s">
        <v>604</v>
      </c>
      <c r="D35" s="335" t="s">
        <v>607</v>
      </c>
      <c r="F35" s="335" t="s">
        <v>413</v>
      </c>
      <c r="G35" s="340" t="s">
        <v>610</v>
      </c>
    </row>
    <row r="36" spans="1:7">
      <c r="A36" s="326" t="s">
        <v>178</v>
      </c>
      <c r="B36" s="331" t="s">
        <v>508</v>
      </c>
      <c r="D36" s="335" t="s">
        <v>420</v>
      </c>
      <c r="F36" s="335" t="s">
        <v>413</v>
      </c>
      <c r="G36" s="340" t="s">
        <v>207</v>
      </c>
    </row>
    <row r="37" spans="1:7">
      <c r="A37" s="326" t="s">
        <v>224</v>
      </c>
      <c r="B37" s="331" t="s">
        <v>613</v>
      </c>
      <c r="D37" s="335" t="s">
        <v>616</v>
      </c>
      <c r="F37" s="335" t="s">
        <v>413</v>
      </c>
      <c r="G37" s="340" t="s">
        <v>172</v>
      </c>
    </row>
    <row r="38" spans="1:7">
      <c r="A38" s="326" t="s">
        <v>230</v>
      </c>
      <c r="B38" s="331" t="s">
        <v>621</v>
      </c>
      <c r="D38" s="335" t="s">
        <v>625</v>
      </c>
      <c r="F38" s="335" t="s">
        <v>413</v>
      </c>
      <c r="G38" s="340" t="s">
        <v>19</v>
      </c>
    </row>
    <row r="39" spans="1:7">
      <c r="A39" s="326" t="s">
        <v>628</v>
      </c>
      <c r="B39" s="331" t="s">
        <v>631</v>
      </c>
      <c r="D39" s="335" t="s">
        <v>606</v>
      </c>
      <c r="F39" s="335" t="s">
        <v>413</v>
      </c>
      <c r="G39" s="340" t="s">
        <v>632</v>
      </c>
    </row>
    <row r="40" spans="1:7">
      <c r="A40" s="326" t="s">
        <v>546</v>
      </c>
      <c r="B40" s="331" t="s">
        <v>636</v>
      </c>
      <c r="D40" s="335" t="s">
        <v>638</v>
      </c>
      <c r="F40" s="335" t="s">
        <v>413</v>
      </c>
      <c r="G40" s="340" t="s">
        <v>645</v>
      </c>
    </row>
    <row r="41" spans="1:7">
      <c r="A41" s="326" t="s">
        <v>232</v>
      </c>
      <c r="B41" s="331" t="s">
        <v>647</v>
      </c>
      <c r="D41" s="335" t="s">
        <v>650</v>
      </c>
      <c r="F41" s="335" t="s">
        <v>413</v>
      </c>
      <c r="G41" s="340" t="s">
        <v>652</v>
      </c>
    </row>
    <row r="42" spans="1:7">
      <c r="A42" s="326" t="s">
        <v>234</v>
      </c>
      <c r="B42" s="331" t="s">
        <v>176</v>
      </c>
      <c r="D42" s="335" t="s">
        <v>653</v>
      </c>
      <c r="F42" s="335" t="s">
        <v>413</v>
      </c>
      <c r="G42" s="340" t="s">
        <v>363</v>
      </c>
    </row>
    <row r="43" spans="1:7">
      <c r="A43" s="326" t="s">
        <v>241</v>
      </c>
      <c r="B43" s="331" t="s">
        <v>214</v>
      </c>
      <c r="D43" s="335" t="s">
        <v>657</v>
      </c>
      <c r="F43" s="335" t="s">
        <v>413</v>
      </c>
      <c r="G43" s="340" t="s">
        <v>322</v>
      </c>
    </row>
    <row r="44" spans="1:7">
      <c r="A44" s="326" t="s">
        <v>242</v>
      </c>
      <c r="B44" s="331" t="s">
        <v>458</v>
      </c>
      <c r="D44" s="335" t="s">
        <v>662</v>
      </c>
      <c r="F44" s="335" t="s">
        <v>413</v>
      </c>
      <c r="G44" s="340" t="s">
        <v>664</v>
      </c>
    </row>
    <row r="45" spans="1:7">
      <c r="A45" s="326" t="s">
        <v>243</v>
      </c>
      <c r="B45" s="331" t="s">
        <v>164</v>
      </c>
      <c r="D45" s="335" t="s">
        <v>666</v>
      </c>
      <c r="F45" s="335" t="s">
        <v>413</v>
      </c>
      <c r="G45" s="340" t="s">
        <v>668</v>
      </c>
    </row>
    <row r="46" spans="1:7">
      <c r="A46" s="328" t="s">
        <v>245</v>
      </c>
      <c r="B46" s="332" t="s">
        <v>380</v>
      </c>
      <c r="D46" s="335" t="s">
        <v>506</v>
      </c>
      <c r="F46" s="335" t="s">
        <v>413</v>
      </c>
      <c r="G46" s="340" t="s">
        <v>669</v>
      </c>
    </row>
    <row r="47" spans="1:7">
      <c r="D47" s="335" t="s">
        <v>18</v>
      </c>
      <c r="F47" s="335" t="s">
        <v>413</v>
      </c>
      <c r="G47" s="340" t="s">
        <v>152</v>
      </c>
    </row>
    <row r="48" spans="1:7">
      <c r="D48" s="335" t="s">
        <v>673</v>
      </c>
      <c r="F48" s="335" t="s">
        <v>413</v>
      </c>
      <c r="G48" s="340" t="s">
        <v>441</v>
      </c>
    </row>
    <row r="49" spans="4:7">
      <c r="D49" s="336" t="s">
        <v>622</v>
      </c>
      <c r="F49" s="335" t="s">
        <v>413</v>
      </c>
      <c r="G49" s="340" t="s">
        <v>280</v>
      </c>
    </row>
    <row r="50" spans="4:7">
      <c r="F50" s="335" t="s">
        <v>413</v>
      </c>
      <c r="G50" s="340" t="s">
        <v>674</v>
      </c>
    </row>
    <row r="51" spans="4:7">
      <c r="F51" s="335" t="s">
        <v>413</v>
      </c>
      <c r="G51" s="340" t="s">
        <v>675</v>
      </c>
    </row>
    <row r="52" spans="4:7">
      <c r="F52" s="335" t="s">
        <v>413</v>
      </c>
      <c r="G52" s="340" t="s">
        <v>679</v>
      </c>
    </row>
    <row r="53" spans="4:7">
      <c r="F53" s="335" t="s">
        <v>413</v>
      </c>
      <c r="G53" s="340" t="s">
        <v>681</v>
      </c>
    </row>
    <row r="54" spans="4:7">
      <c r="F54" s="335" t="s">
        <v>413</v>
      </c>
      <c r="G54" s="340" t="s">
        <v>682</v>
      </c>
    </row>
    <row r="55" spans="4:7">
      <c r="F55" s="335" t="s">
        <v>413</v>
      </c>
      <c r="G55" s="340" t="s">
        <v>686</v>
      </c>
    </row>
    <row r="56" spans="4:7">
      <c r="F56" s="335" t="s">
        <v>413</v>
      </c>
      <c r="G56" s="340" t="s">
        <v>690</v>
      </c>
    </row>
    <row r="57" spans="4:7">
      <c r="F57" s="335" t="s">
        <v>413</v>
      </c>
      <c r="G57" s="340" t="s">
        <v>640</v>
      </c>
    </row>
    <row r="58" spans="4:7">
      <c r="F58" s="335" t="s">
        <v>413</v>
      </c>
      <c r="G58" s="340" t="s">
        <v>692</v>
      </c>
    </row>
    <row r="59" spans="4:7">
      <c r="F59" s="335" t="s">
        <v>413</v>
      </c>
      <c r="G59" s="340" t="s">
        <v>693</v>
      </c>
    </row>
    <row r="60" spans="4:7">
      <c r="F60" s="335" t="s">
        <v>413</v>
      </c>
      <c r="G60" s="340" t="s">
        <v>696</v>
      </c>
    </row>
    <row r="61" spans="4:7">
      <c r="F61" s="335" t="s">
        <v>413</v>
      </c>
      <c r="G61" s="340" t="s">
        <v>46</v>
      </c>
    </row>
    <row r="62" spans="4:7">
      <c r="F62" s="335" t="s">
        <v>413</v>
      </c>
      <c r="G62" s="340" t="s">
        <v>698</v>
      </c>
    </row>
    <row r="63" spans="4:7">
      <c r="F63" s="335" t="s">
        <v>413</v>
      </c>
      <c r="G63" s="340" t="s">
        <v>659</v>
      </c>
    </row>
    <row r="64" spans="4:7">
      <c r="F64" s="335" t="s">
        <v>413</v>
      </c>
      <c r="G64" s="340" t="s">
        <v>86</v>
      </c>
    </row>
    <row r="65" spans="6:7">
      <c r="F65" s="335" t="s">
        <v>413</v>
      </c>
      <c r="G65" s="340" t="s">
        <v>699</v>
      </c>
    </row>
    <row r="66" spans="6:7">
      <c r="F66" s="335" t="s">
        <v>413</v>
      </c>
      <c r="G66" s="340" t="s">
        <v>410</v>
      </c>
    </row>
    <row r="67" spans="6:7">
      <c r="F67" s="335" t="s">
        <v>413</v>
      </c>
      <c r="G67" s="340" t="s">
        <v>643</v>
      </c>
    </row>
    <row r="68" spans="6:7">
      <c r="F68" s="335" t="s">
        <v>413</v>
      </c>
      <c r="G68" s="340" t="s">
        <v>702</v>
      </c>
    </row>
    <row r="69" spans="6:7">
      <c r="F69" s="335" t="s">
        <v>413</v>
      </c>
      <c r="G69" s="340" t="s">
        <v>646</v>
      </c>
    </row>
    <row r="70" spans="6:7">
      <c r="F70" s="335" t="s">
        <v>413</v>
      </c>
      <c r="G70" s="340" t="s">
        <v>703</v>
      </c>
    </row>
    <row r="71" spans="6:7">
      <c r="F71" s="335" t="s">
        <v>413</v>
      </c>
      <c r="G71" s="340" t="s">
        <v>250</v>
      </c>
    </row>
    <row r="72" spans="6:7">
      <c r="F72" s="335" t="s">
        <v>413</v>
      </c>
      <c r="G72" s="340" t="s">
        <v>704</v>
      </c>
    </row>
    <row r="73" spans="6:7">
      <c r="F73" s="335" t="s">
        <v>413</v>
      </c>
      <c r="G73" s="340" t="s">
        <v>706</v>
      </c>
    </row>
    <row r="74" spans="6:7">
      <c r="F74" s="335" t="s">
        <v>413</v>
      </c>
      <c r="G74" s="340" t="s">
        <v>709</v>
      </c>
    </row>
    <row r="75" spans="6:7">
      <c r="F75" s="335" t="s">
        <v>413</v>
      </c>
      <c r="G75" s="340" t="s">
        <v>710</v>
      </c>
    </row>
    <row r="76" spans="6:7">
      <c r="F76" s="335" t="s">
        <v>413</v>
      </c>
      <c r="G76" s="340" t="s">
        <v>712</v>
      </c>
    </row>
    <row r="77" spans="6:7">
      <c r="F77" s="335" t="s">
        <v>413</v>
      </c>
      <c r="G77" s="340" t="s">
        <v>459</v>
      </c>
    </row>
    <row r="78" spans="6:7">
      <c r="F78" s="335" t="s">
        <v>413</v>
      </c>
      <c r="G78" s="340" t="s">
        <v>132</v>
      </c>
    </row>
    <row r="79" spans="6:7">
      <c r="F79" s="335" t="s">
        <v>413</v>
      </c>
      <c r="G79" s="340" t="s">
        <v>714</v>
      </c>
    </row>
    <row r="80" spans="6:7">
      <c r="F80" s="335" t="s">
        <v>413</v>
      </c>
      <c r="G80" s="340" t="s">
        <v>198</v>
      </c>
    </row>
    <row r="81" spans="6:7">
      <c r="F81" s="335" t="s">
        <v>413</v>
      </c>
      <c r="G81" s="340" t="s">
        <v>718</v>
      </c>
    </row>
    <row r="82" spans="6:7">
      <c r="F82" s="335" t="s">
        <v>413</v>
      </c>
      <c r="G82" s="340" t="s">
        <v>721</v>
      </c>
    </row>
    <row r="83" spans="6:7">
      <c r="F83" s="335" t="s">
        <v>413</v>
      </c>
      <c r="G83" s="340" t="s">
        <v>432</v>
      </c>
    </row>
    <row r="84" spans="6:7">
      <c r="F84" s="335" t="s">
        <v>413</v>
      </c>
      <c r="G84" s="340" t="s">
        <v>724</v>
      </c>
    </row>
    <row r="85" spans="6:7">
      <c r="F85" s="335" t="s">
        <v>413</v>
      </c>
      <c r="G85" s="340" t="s">
        <v>727</v>
      </c>
    </row>
    <row r="86" spans="6:7">
      <c r="F86" s="335" t="s">
        <v>413</v>
      </c>
      <c r="G86" s="340" t="s">
        <v>728</v>
      </c>
    </row>
    <row r="87" spans="6:7">
      <c r="F87" s="335" t="s">
        <v>413</v>
      </c>
      <c r="G87" s="340" t="s">
        <v>730</v>
      </c>
    </row>
    <row r="88" spans="6:7">
      <c r="F88" s="335" t="s">
        <v>413</v>
      </c>
      <c r="G88" s="340" t="s">
        <v>236</v>
      </c>
    </row>
    <row r="89" spans="6:7">
      <c r="F89" s="335" t="s">
        <v>413</v>
      </c>
      <c r="G89" s="340" t="s">
        <v>733</v>
      </c>
    </row>
    <row r="90" spans="6:7">
      <c r="F90" s="335" t="s">
        <v>413</v>
      </c>
      <c r="G90" s="340" t="s">
        <v>739</v>
      </c>
    </row>
    <row r="91" spans="6:7">
      <c r="F91" s="335" t="s">
        <v>413</v>
      </c>
      <c r="G91" s="340" t="s">
        <v>740</v>
      </c>
    </row>
    <row r="92" spans="6:7">
      <c r="F92" s="335" t="s">
        <v>413</v>
      </c>
      <c r="G92" s="340" t="s">
        <v>559</v>
      </c>
    </row>
    <row r="93" spans="6:7">
      <c r="F93" s="335" t="s">
        <v>413</v>
      </c>
      <c r="G93" s="340" t="s">
        <v>347</v>
      </c>
    </row>
    <row r="94" spans="6:7">
      <c r="F94" s="335" t="s">
        <v>413</v>
      </c>
      <c r="G94" s="340" t="s">
        <v>126</v>
      </c>
    </row>
    <row r="95" spans="6:7">
      <c r="F95" s="335" t="s">
        <v>413</v>
      </c>
      <c r="G95" s="340" t="s">
        <v>85</v>
      </c>
    </row>
    <row r="96" spans="6:7">
      <c r="F96" s="335" t="s">
        <v>413</v>
      </c>
      <c r="G96" s="340" t="s">
        <v>744</v>
      </c>
    </row>
    <row r="97" spans="6:7">
      <c r="F97" s="335" t="s">
        <v>413</v>
      </c>
      <c r="G97" s="340" t="s">
        <v>746</v>
      </c>
    </row>
    <row r="98" spans="6:7">
      <c r="F98" s="335" t="s">
        <v>413</v>
      </c>
      <c r="G98" s="340" t="s">
        <v>747</v>
      </c>
    </row>
    <row r="99" spans="6:7">
      <c r="F99" s="335" t="s">
        <v>413</v>
      </c>
      <c r="G99" s="340" t="s">
        <v>749</v>
      </c>
    </row>
    <row r="100" spans="6:7">
      <c r="F100" s="335" t="s">
        <v>413</v>
      </c>
      <c r="G100" s="340" t="s">
        <v>750</v>
      </c>
    </row>
    <row r="101" spans="6:7">
      <c r="F101" s="335" t="s">
        <v>413</v>
      </c>
      <c r="G101" s="340" t="s">
        <v>89</v>
      </c>
    </row>
    <row r="102" spans="6:7">
      <c r="F102" s="335" t="s">
        <v>413</v>
      </c>
      <c r="G102" s="340" t="s">
        <v>701</v>
      </c>
    </row>
    <row r="103" spans="6:7">
      <c r="F103" s="335" t="s">
        <v>413</v>
      </c>
      <c r="G103" s="340" t="s">
        <v>393</v>
      </c>
    </row>
    <row r="104" spans="6:7">
      <c r="F104" s="335" t="s">
        <v>413</v>
      </c>
      <c r="G104" s="340" t="s">
        <v>751</v>
      </c>
    </row>
    <row r="105" spans="6:7">
      <c r="F105" s="335" t="s">
        <v>413</v>
      </c>
      <c r="G105" s="340" t="s">
        <v>754</v>
      </c>
    </row>
    <row r="106" spans="6:7">
      <c r="F106" s="335" t="s">
        <v>413</v>
      </c>
      <c r="G106" s="340" t="s">
        <v>249</v>
      </c>
    </row>
    <row r="107" spans="6:7">
      <c r="F107" s="335" t="s">
        <v>413</v>
      </c>
      <c r="G107" s="340" t="s">
        <v>758</v>
      </c>
    </row>
    <row r="108" spans="6:7">
      <c r="F108" s="335" t="s">
        <v>413</v>
      </c>
      <c r="G108" s="340" t="s">
        <v>761</v>
      </c>
    </row>
    <row r="109" spans="6:7">
      <c r="F109" s="335" t="s">
        <v>413</v>
      </c>
      <c r="G109" s="340" t="s">
        <v>386</v>
      </c>
    </row>
    <row r="110" spans="6:7">
      <c r="F110" s="335" t="s">
        <v>413</v>
      </c>
      <c r="G110" s="340" t="s">
        <v>247</v>
      </c>
    </row>
    <row r="111" spans="6:7">
      <c r="F111" s="335" t="s">
        <v>413</v>
      </c>
      <c r="G111" s="340" t="s">
        <v>762</v>
      </c>
    </row>
    <row r="112" spans="6:7">
      <c r="F112" s="335" t="s">
        <v>413</v>
      </c>
      <c r="G112" s="340" t="s">
        <v>415</v>
      </c>
    </row>
    <row r="113" spans="6:7">
      <c r="F113" s="335" t="s">
        <v>413</v>
      </c>
      <c r="G113" s="340" t="s">
        <v>715</v>
      </c>
    </row>
    <row r="114" spans="6:7">
      <c r="F114" s="335" t="s">
        <v>413</v>
      </c>
      <c r="G114" s="340" t="s">
        <v>743</v>
      </c>
    </row>
    <row r="115" spans="6:7">
      <c r="F115" s="335" t="s">
        <v>413</v>
      </c>
      <c r="G115" s="340" t="s">
        <v>375</v>
      </c>
    </row>
    <row r="116" spans="6:7">
      <c r="F116" s="335" t="s">
        <v>413</v>
      </c>
      <c r="G116" s="340" t="s">
        <v>757</v>
      </c>
    </row>
    <row r="117" spans="6:7">
      <c r="F117" s="335" t="s">
        <v>413</v>
      </c>
      <c r="G117" s="340" t="s">
        <v>187</v>
      </c>
    </row>
    <row r="118" spans="6:7">
      <c r="F118" s="335" t="s">
        <v>413</v>
      </c>
      <c r="G118" s="340" t="s">
        <v>540</v>
      </c>
    </row>
    <row r="119" spans="6:7">
      <c r="F119" s="335" t="s">
        <v>413</v>
      </c>
      <c r="G119" s="340" t="s">
        <v>763</v>
      </c>
    </row>
    <row r="120" spans="6:7">
      <c r="F120" s="335" t="s">
        <v>413</v>
      </c>
      <c r="G120" s="340" t="s">
        <v>766</v>
      </c>
    </row>
    <row r="121" spans="6:7">
      <c r="F121" s="335" t="s">
        <v>413</v>
      </c>
      <c r="G121" s="340" t="s">
        <v>453</v>
      </c>
    </row>
    <row r="122" spans="6:7">
      <c r="F122" s="335" t="s">
        <v>413</v>
      </c>
      <c r="G122" s="340" t="s">
        <v>768</v>
      </c>
    </row>
    <row r="123" spans="6:7">
      <c r="F123" s="335" t="s">
        <v>413</v>
      </c>
      <c r="G123" s="340" t="s">
        <v>575</v>
      </c>
    </row>
    <row r="124" spans="6:7">
      <c r="F124" s="335" t="s">
        <v>413</v>
      </c>
      <c r="G124" s="340" t="s">
        <v>539</v>
      </c>
    </row>
    <row r="125" spans="6:7">
      <c r="F125" s="335" t="s">
        <v>413</v>
      </c>
      <c r="G125" s="340" t="s">
        <v>771</v>
      </c>
    </row>
    <row r="126" spans="6:7">
      <c r="F126" s="335" t="s">
        <v>413</v>
      </c>
      <c r="G126" s="340" t="s">
        <v>773</v>
      </c>
    </row>
    <row r="127" spans="6:7">
      <c r="F127" s="335" t="s">
        <v>413</v>
      </c>
      <c r="G127" s="340" t="s">
        <v>775</v>
      </c>
    </row>
    <row r="128" spans="6:7">
      <c r="F128" s="335" t="s">
        <v>413</v>
      </c>
      <c r="G128" s="340" t="s">
        <v>471</v>
      </c>
    </row>
    <row r="129" spans="6:7">
      <c r="F129" s="335" t="s">
        <v>413</v>
      </c>
      <c r="G129" s="340" t="s">
        <v>656</v>
      </c>
    </row>
    <row r="130" spans="6:7">
      <c r="F130" s="335" t="s">
        <v>413</v>
      </c>
      <c r="G130" s="340" t="s">
        <v>328</v>
      </c>
    </row>
    <row r="131" spans="6:7">
      <c r="F131" s="335" t="s">
        <v>413</v>
      </c>
      <c r="G131" s="340" t="s">
        <v>719</v>
      </c>
    </row>
    <row r="132" spans="6:7">
      <c r="F132" s="335" t="s">
        <v>413</v>
      </c>
      <c r="G132" s="340" t="s">
        <v>777</v>
      </c>
    </row>
    <row r="133" spans="6:7">
      <c r="F133" s="335" t="s">
        <v>413</v>
      </c>
      <c r="G133" s="340" t="s">
        <v>778</v>
      </c>
    </row>
    <row r="134" spans="6:7">
      <c r="F134" s="335" t="s">
        <v>413</v>
      </c>
      <c r="G134" s="340" t="s">
        <v>781</v>
      </c>
    </row>
    <row r="135" spans="6:7">
      <c r="F135" s="335" t="s">
        <v>413</v>
      </c>
      <c r="G135" s="340" t="s">
        <v>784</v>
      </c>
    </row>
    <row r="136" spans="6:7">
      <c r="F136" s="335" t="s">
        <v>413</v>
      </c>
      <c r="G136" s="340" t="s">
        <v>637</v>
      </c>
    </row>
    <row r="137" spans="6:7">
      <c r="F137" s="335" t="s">
        <v>413</v>
      </c>
      <c r="G137" s="340" t="s">
        <v>589</v>
      </c>
    </row>
    <row r="138" spans="6:7">
      <c r="F138" s="335" t="s">
        <v>413</v>
      </c>
      <c r="G138" s="340" t="s">
        <v>500</v>
      </c>
    </row>
    <row r="139" spans="6:7">
      <c r="F139" s="335" t="s">
        <v>413</v>
      </c>
      <c r="G139" s="340" t="s">
        <v>654</v>
      </c>
    </row>
    <row r="140" spans="6:7">
      <c r="F140" s="335" t="s">
        <v>413</v>
      </c>
      <c r="G140" s="340" t="s">
        <v>785</v>
      </c>
    </row>
    <row r="141" spans="6:7">
      <c r="F141" s="335" t="s">
        <v>413</v>
      </c>
      <c r="G141" s="340" t="s">
        <v>788</v>
      </c>
    </row>
    <row r="142" spans="6:7">
      <c r="F142" s="335" t="s">
        <v>413</v>
      </c>
      <c r="G142" s="340" t="s">
        <v>633</v>
      </c>
    </row>
    <row r="143" spans="6:7">
      <c r="F143" s="335" t="s">
        <v>413</v>
      </c>
      <c r="G143" s="340" t="s">
        <v>789</v>
      </c>
    </row>
    <row r="144" spans="6:7">
      <c r="F144" s="335" t="s">
        <v>413</v>
      </c>
      <c r="G144" s="340" t="s">
        <v>97</v>
      </c>
    </row>
    <row r="145" spans="6:7">
      <c r="F145" s="335" t="s">
        <v>413</v>
      </c>
      <c r="G145" s="340" t="s">
        <v>792</v>
      </c>
    </row>
    <row r="146" spans="6:7">
      <c r="F146" s="335" t="s">
        <v>413</v>
      </c>
      <c r="G146" s="340" t="s">
        <v>56</v>
      </c>
    </row>
    <row r="147" spans="6:7">
      <c r="F147" s="335" t="s">
        <v>413</v>
      </c>
      <c r="G147" s="340" t="s">
        <v>793</v>
      </c>
    </row>
    <row r="148" spans="6:7">
      <c r="F148" s="335" t="s">
        <v>413</v>
      </c>
      <c r="G148" s="340" t="s">
        <v>794</v>
      </c>
    </row>
    <row r="149" spans="6:7">
      <c r="F149" s="335" t="s">
        <v>413</v>
      </c>
      <c r="G149" s="340" t="s">
        <v>797</v>
      </c>
    </row>
    <row r="150" spans="6:7">
      <c r="F150" s="335" t="s">
        <v>413</v>
      </c>
      <c r="G150" s="340" t="s">
        <v>742</v>
      </c>
    </row>
    <row r="151" spans="6:7">
      <c r="F151" s="335" t="s">
        <v>413</v>
      </c>
      <c r="G151" s="340" t="s">
        <v>800</v>
      </c>
    </row>
    <row r="152" spans="6:7">
      <c r="F152" s="335" t="s">
        <v>413</v>
      </c>
      <c r="G152" s="340" t="s">
        <v>805</v>
      </c>
    </row>
    <row r="153" spans="6:7">
      <c r="F153" s="335" t="s">
        <v>413</v>
      </c>
      <c r="G153" s="340" t="s">
        <v>320</v>
      </c>
    </row>
    <row r="154" spans="6:7">
      <c r="F154" s="335" t="s">
        <v>413</v>
      </c>
      <c r="G154" s="340" t="s">
        <v>687</v>
      </c>
    </row>
    <row r="155" spans="6:7">
      <c r="F155" s="335" t="s">
        <v>413</v>
      </c>
      <c r="G155" s="340" t="s">
        <v>310</v>
      </c>
    </row>
    <row r="156" spans="6:7">
      <c r="F156" s="335" t="s">
        <v>413</v>
      </c>
      <c r="G156" s="340" t="s">
        <v>802</v>
      </c>
    </row>
    <row r="157" spans="6:7">
      <c r="F157" s="335" t="s">
        <v>413</v>
      </c>
      <c r="G157" s="340" t="s">
        <v>806</v>
      </c>
    </row>
    <row r="158" spans="6:7">
      <c r="F158" s="335" t="s">
        <v>413</v>
      </c>
      <c r="G158" s="340" t="s">
        <v>810</v>
      </c>
    </row>
    <row r="159" spans="6:7">
      <c r="F159" s="335" t="s">
        <v>413</v>
      </c>
      <c r="G159" s="340" t="s">
        <v>529</v>
      </c>
    </row>
    <row r="160" spans="6:7">
      <c r="F160" s="335" t="s">
        <v>413</v>
      </c>
      <c r="G160" s="340" t="s">
        <v>812</v>
      </c>
    </row>
    <row r="161" spans="6:7">
      <c r="F161" s="335" t="s">
        <v>413</v>
      </c>
      <c r="G161" s="340" t="s">
        <v>813</v>
      </c>
    </row>
    <row r="162" spans="6:7">
      <c r="F162" s="335" t="s">
        <v>413</v>
      </c>
      <c r="G162" s="340" t="s">
        <v>473</v>
      </c>
    </row>
    <row r="163" spans="6:7">
      <c r="F163" s="335" t="s">
        <v>413</v>
      </c>
      <c r="G163" s="340" t="s">
        <v>818</v>
      </c>
    </row>
    <row r="164" spans="6:7">
      <c r="F164" s="335" t="s">
        <v>413</v>
      </c>
      <c r="G164" s="340" t="s">
        <v>494</v>
      </c>
    </row>
    <row r="165" spans="6:7">
      <c r="F165" s="335" t="s">
        <v>413</v>
      </c>
      <c r="G165" s="340" t="s">
        <v>346</v>
      </c>
    </row>
    <row r="166" spans="6:7">
      <c r="F166" s="335" t="s">
        <v>413</v>
      </c>
      <c r="G166" s="340" t="s">
        <v>819</v>
      </c>
    </row>
    <row r="167" spans="6:7">
      <c r="F167" s="335" t="s">
        <v>413</v>
      </c>
      <c r="G167" s="340" t="s">
        <v>91</v>
      </c>
    </row>
    <row r="168" spans="6:7">
      <c r="F168" s="335" t="s">
        <v>413</v>
      </c>
      <c r="G168" s="340" t="s">
        <v>359</v>
      </c>
    </row>
    <row r="169" spans="6:7">
      <c r="F169" s="335" t="s">
        <v>413</v>
      </c>
      <c r="G169" s="340" t="s">
        <v>135</v>
      </c>
    </row>
    <row r="170" spans="6:7">
      <c r="F170" s="335" t="s">
        <v>413</v>
      </c>
      <c r="G170" s="340" t="s">
        <v>821</v>
      </c>
    </row>
    <row r="171" spans="6:7">
      <c r="F171" s="335" t="s">
        <v>413</v>
      </c>
      <c r="G171" s="340" t="s">
        <v>822</v>
      </c>
    </row>
    <row r="172" spans="6:7">
      <c r="F172" s="335" t="s">
        <v>413</v>
      </c>
      <c r="G172" s="340" t="s">
        <v>823</v>
      </c>
    </row>
    <row r="173" spans="6:7">
      <c r="F173" s="335" t="s">
        <v>413</v>
      </c>
      <c r="G173" s="340" t="s">
        <v>825</v>
      </c>
    </row>
    <row r="174" spans="6:7">
      <c r="F174" s="335" t="s">
        <v>413</v>
      </c>
      <c r="G174" s="340" t="s">
        <v>827</v>
      </c>
    </row>
    <row r="175" spans="6:7">
      <c r="F175" s="335" t="s">
        <v>413</v>
      </c>
      <c r="G175" s="340" t="s">
        <v>269</v>
      </c>
    </row>
    <row r="176" spans="6:7">
      <c r="F176" s="335" t="s">
        <v>413</v>
      </c>
      <c r="G176" s="340" t="s">
        <v>829</v>
      </c>
    </row>
    <row r="177" spans="6:7">
      <c r="F177" s="335" t="s">
        <v>413</v>
      </c>
      <c r="G177" s="340" t="s">
        <v>327</v>
      </c>
    </row>
    <row r="178" spans="6:7">
      <c r="F178" s="335" t="s">
        <v>413</v>
      </c>
      <c r="G178" s="340" t="s">
        <v>465</v>
      </c>
    </row>
    <row r="179" spans="6:7">
      <c r="F179" s="335" t="s">
        <v>413</v>
      </c>
      <c r="G179" s="340" t="s">
        <v>186</v>
      </c>
    </row>
    <row r="180" spans="6:7">
      <c r="F180" s="335" t="s">
        <v>413</v>
      </c>
      <c r="G180" s="340" t="s">
        <v>831</v>
      </c>
    </row>
    <row r="181" spans="6:7">
      <c r="F181" s="335" t="s">
        <v>413</v>
      </c>
      <c r="G181" s="340" t="s">
        <v>326</v>
      </c>
    </row>
    <row r="182" spans="6:7">
      <c r="F182" s="335" t="s">
        <v>413</v>
      </c>
      <c r="G182" s="340" t="s">
        <v>835</v>
      </c>
    </row>
    <row r="183" spans="6:7">
      <c r="F183" s="335" t="s">
        <v>413</v>
      </c>
      <c r="G183" s="340" t="s">
        <v>288</v>
      </c>
    </row>
    <row r="184" spans="6:7">
      <c r="F184" s="335" t="s">
        <v>413</v>
      </c>
      <c r="G184" s="340" t="s">
        <v>837</v>
      </c>
    </row>
    <row r="185" spans="6:7">
      <c r="F185" s="335" t="s">
        <v>413</v>
      </c>
      <c r="G185" s="340" t="s">
        <v>843</v>
      </c>
    </row>
    <row r="186" spans="6:7">
      <c r="F186" s="335" t="s">
        <v>413</v>
      </c>
      <c r="G186" s="340" t="s">
        <v>848</v>
      </c>
    </row>
    <row r="187" spans="6:7">
      <c r="F187" s="335" t="s">
        <v>413</v>
      </c>
      <c r="G187" s="340" t="s">
        <v>850</v>
      </c>
    </row>
    <row r="188" spans="6:7">
      <c r="F188" s="335" t="s">
        <v>426</v>
      </c>
      <c r="G188" s="340" t="s">
        <v>852</v>
      </c>
    </row>
    <row r="189" spans="6:7">
      <c r="F189" s="335" t="s">
        <v>426</v>
      </c>
      <c r="G189" s="340" t="s">
        <v>859</v>
      </c>
    </row>
    <row r="190" spans="6:7">
      <c r="F190" s="335" t="s">
        <v>426</v>
      </c>
      <c r="G190" s="340" t="s">
        <v>860</v>
      </c>
    </row>
    <row r="191" spans="6:7">
      <c r="F191" s="335" t="s">
        <v>426</v>
      </c>
      <c r="G191" s="340" t="s">
        <v>856</v>
      </c>
    </row>
    <row r="192" spans="6:7">
      <c r="F192" s="335" t="s">
        <v>426</v>
      </c>
      <c r="G192" s="340" t="s">
        <v>863</v>
      </c>
    </row>
    <row r="193" spans="6:7">
      <c r="F193" s="335" t="s">
        <v>426</v>
      </c>
      <c r="G193" s="340" t="s">
        <v>865</v>
      </c>
    </row>
    <row r="194" spans="6:7">
      <c r="F194" s="335" t="s">
        <v>426</v>
      </c>
      <c r="G194" s="340" t="s">
        <v>556</v>
      </c>
    </row>
    <row r="195" spans="6:7">
      <c r="F195" s="335" t="s">
        <v>426</v>
      </c>
      <c r="G195" s="340" t="s">
        <v>642</v>
      </c>
    </row>
    <row r="196" spans="6:7">
      <c r="F196" s="335" t="s">
        <v>426</v>
      </c>
      <c r="G196" s="340" t="s">
        <v>866</v>
      </c>
    </row>
    <row r="197" spans="6:7">
      <c r="F197" s="335" t="s">
        <v>426</v>
      </c>
      <c r="G197" s="340" t="s">
        <v>858</v>
      </c>
    </row>
    <row r="198" spans="6:7">
      <c r="F198" s="335" t="s">
        <v>426</v>
      </c>
      <c r="G198" s="340" t="s">
        <v>558</v>
      </c>
    </row>
    <row r="199" spans="6:7">
      <c r="F199" s="335" t="s">
        <v>426</v>
      </c>
      <c r="G199" s="340" t="s">
        <v>438</v>
      </c>
    </row>
    <row r="200" spans="6:7">
      <c r="F200" s="335" t="s">
        <v>426</v>
      </c>
      <c r="G200" s="340" t="s">
        <v>505</v>
      </c>
    </row>
    <row r="201" spans="6:7">
      <c r="F201" s="335" t="s">
        <v>426</v>
      </c>
      <c r="G201" s="340" t="s">
        <v>871</v>
      </c>
    </row>
    <row r="202" spans="6:7">
      <c r="F202" s="335" t="s">
        <v>426</v>
      </c>
      <c r="G202" s="340" t="s">
        <v>371</v>
      </c>
    </row>
    <row r="203" spans="6:7">
      <c r="F203" s="335" t="s">
        <v>426</v>
      </c>
      <c r="G203" s="340" t="s">
        <v>874</v>
      </c>
    </row>
    <row r="204" spans="6:7">
      <c r="F204" s="335" t="s">
        <v>426</v>
      </c>
      <c r="G204" s="340" t="s">
        <v>882</v>
      </c>
    </row>
    <row r="205" spans="6:7">
      <c r="F205" s="335" t="s">
        <v>426</v>
      </c>
      <c r="G205" s="340" t="s">
        <v>425</v>
      </c>
    </row>
    <row r="206" spans="6:7">
      <c r="F206" s="335" t="s">
        <v>426</v>
      </c>
      <c r="G206" s="340" t="s">
        <v>726</v>
      </c>
    </row>
    <row r="207" spans="6:7">
      <c r="F207" s="335" t="s">
        <v>426</v>
      </c>
      <c r="G207" s="340" t="s">
        <v>96</v>
      </c>
    </row>
    <row r="208" spans="6:7">
      <c r="F208" s="335" t="s">
        <v>426</v>
      </c>
      <c r="G208" s="340" t="s">
        <v>883</v>
      </c>
    </row>
    <row r="209" spans="6:7">
      <c r="F209" s="335" t="s">
        <v>426</v>
      </c>
      <c r="G209" s="340" t="s">
        <v>734</v>
      </c>
    </row>
    <row r="210" spans="6:7">
      <c r="F210" s="335" t="s">
        <v>426</v>
      </c>
      <c r="G210" s="340" t="s">
        <v>884</v>
      </c>
    </row>
    <row r="211" spans="6:7">
      <c r="F211" s="335" t="s">
        <v>426</v>
      </c>
      <c r="G211" s="340" t="s">
        <v>886</v>
      </c>
    </row>
    <row r="212" spans="6:7">
      <c r="F212" s="335" t="s">
        <v>426</v>
      </c>
      <c r="G212" s="340" t="s">
        <v>624</v>
      </c>
    </row>
    <row r="213" spans="6:7">
      <c r="F213" s="335" t="s">
        <v>426</v>
      </c>
      <c r="G213" s="340" t="s">
        <v>801</v>
      </c>
    </row>
    <row r="214" spans="6:7">
      <c r="F214" s="335" t="s">
        <v>426</v>
      </c>
      <c r="G214" s="340" t="s">
        <v>887</v>
      </c>
    </row>
    <row r="215" spans="6:7">
      <c r="F215" s="335" t="s">
        <v>426</v>
      </c>
      <c r="G215" s="340" t="s">
        <v>672</v>
      </c>
    </row>
    <row r="216" spans="6:7">
      <c r="F216" s="335" t="s">
        <v>426</v>
      </c>
      <c r="G216" s="340" t="s">
        <v>889</v>
      </c>
    </row>
    <row r="217" spans="6:7">
      <c r="F217" s="335" t="s">
        <v>426</v>
      </c>
      <c r="G217" s="340" t="s">
        <v>780</v>
      </c>
    </row>
    <row r="218" spans="6:7">
      <c r="F218" s="335" t="s">
        <v>426</v>
      </c>
      <c r="G218" s="340" t="s">
        <v>573</v>
      </c>
    </row>
    <row r="219" spans="6:7">
      <c r="F219" s="335" t="s">
        <v>426</v>
      </c>
      <c r="G219" s="340" t="s">
        <v>711</v>
      </c>
    </row>
    <row r="220" spans="6:7">
      <c r="F220" s="335" t="s">
        <v>426</v>
      </c>
      <c r="G220" s="340" t="s">
        <v>846</v>
      </c>
    </row>
    <row r="221" spans="6:7">
      <c r="F221" s="335" t="s">
        <v>426</v>
      </c>
      <c r="G221" s="340" t="s">
        <v>218</v>
      </c>
    </row>
    <row r="222" spans="6:7">
      <c r="F222" s="335" t="s">
        <v>426</v>
      </c>
      <c r="G222" s="340" t="s">
        <v>601</v>
      </c>
    </row>
    <row r="223" spans="6:7">
      <c r="F223" s="335" t="s">
        <v>426</v>
      </c>
      <c r="G223" s="340" t="s">
        <v>406</v>
      </c>
    </row>
    <row r="224" spans="6:7">
      <c r="F224" s="335" t="s">
        <v>426</v>
      </c>
      <c r="G224" s="340" t="s">
        <v>873</v>
      </c>
    </row>
    <row r="225" spans="6:7">
      <c r="F225" s="335" t="s">
        <v>426</v>
      </c>
      <c r="G225" s="340" t="s">
        <v>568</v>
      </c>
    </row>
    <row r="226" spans="6:7">
      <c r="F226" s="335" t="s">
        <v>426</v>
      </c>
      <c r="G226" s="340" t="s">
        <v>890</v>
      </c>
    </row>
    <row r="227" spans="6:7">
      <c r="F227" s="335" t="s">
        <v>426</v>
      </c>
      <c r="G227" s="340" t="s">
        <v>878</v>
      </c>
    </row>
    <row r="228" spans="6:7">
      <c r="F228" s="335" t="s">
        <v>208</v>
      </c>
      <c r="G228" s="340" t="s">
        <v>869</v>
      </c>
    </row>
    <row r="229" spans="6:7">
      <c r="F229" s="335" t="s">
        <v>208</v>
      </c>
      <c r="G229" s="340" t="s">
        <v>875</v>
      </c>
    </row>
    <row r="230" spans="6:7">
      <c r="F230" s="335" t="s">
        <v>208</v>
      </c>
      <c r="G230" s="340" t="s">
        <v>893</v>
      </c>
    </row>
    <row r="231" spans="6:7">
      <c r="F231" s="335" t="s">
        <v>208</v>
      </c>
      <c r="G231" s="340" t="s">
        <v>297</v>
      </c>
    </row>
    <row r="232" spans="6:7">
      <c r="F232" s="335" t="s">
        <v>208</v>
      </c>
      <c r="G232" s="340" t="s">
        <v>612</v>
      </c>
    </row>
    <row r="233" spans="6:7">
      <c r="F233" s="335" t="s">
        <v>208</v>
      </c>
      <c r="G233" s="340" t="s">
        <v>895</v>
      </c>
    </row>
    <row r="234" spans="6:7">
      <c r="F234" s="335" t="s">
        <v>208</v>
      </c>
      <c r="G234" s="340" t="s">
        <v>839</v>
      </c>
    </row>
    <row r="235" spans="6:7">
      <c r="F235" s="335" t="s">
        <v>208</v>
      </c>
      <c r="G235" s="340" t="s">
        <v>897</v>
      </c>
    </row>
    <row r="236" spans="6:7">
      <c r="F236" s="335" t="s">
        <v>208</v>
      </c>
      <c r="G236" s="340" t="s">
        <v>899</v>
      </c>
    </row>
    <row r="237" spans="6:7">
      <c r="F237" s="335" t="s">
        <v>208</v>
      </c>
      <c r="G237" s="340" t="s">
        <v>770</v>
      </c>
    </row>
    <row r="238" spans="6:7">
      <c r="F238" s="335" t="s">
        <v>208</v>
      </c>
      <c r="G238" s="340" t="s">
        <v>901</v>
      </c>
    </row>
    <row r="239" spans="6:7">
      <c r="F239" s="335" t="s">
        <v>208</v>
      </c>
      <c r="G239" s="340" t="s">
        <v>708</v>
      </c>
    </row>
    <row r="240" spans="6:7">
      <c r="F240" s="335" t="s">
        <v>208</v>
      </c>
      <c r="G240" s="340" t="s">
        <v>836</v>
      </c>
    </row>
    <row r="241" spans="6:7">
      <c r="F241" s="335" t="s">
        <v>208</v>
      </c>
      <c r="G241" s="340" t="s">
        <v>826</v>
      </c>
    </row>
    <row r="242" spans="6:7">
      <c r="F242" s="335" t="s">
        <v>208</v>
      </c>
      <c r="G242" s="340" t="s">
        <v>903</v>
      </c>
    </row>
    <row r="243" spans="6:7">
      <c r="F243" s="335" t="s">
        <v>208</v>
      </c>
      <c r="G243" s="340" t="s">
        <v>128</v>
      </c>
    </row>
    <row r="244" spans="6:7">
      <c r="F244" s="335" t="s">
        <v>208</v>
      </c>
      <c r="G244" s="340" t="s">
        <v>620</v>
      </c>
    </row>
    <row r="245" spans="6:7">
      <c r="F245" s="335" t="s">
        <v>208</v>
      </c>
      <c r="G245" s="340" t="s">
        <v>907</v>
      </c>
    </row>
    <row r="246" spans="6:7">
      <c r="F246" s="335" t="s">
        <v>208</v>
      </c>
      <c r="G246" s="340" t="s">
        <v>908</v>
      </c>
    </row>
    <row r="247" spans="6:7">
      <c r="F247" s="335" t="s">
        <v>208</v>
      </c>
      <c r="G247" s="340" t="s">
        <v>447</v>
      </c>
    </row>
    <row r="248" spans="6:7">
      <c r="F248" s="335" t="s">
        <v>208</v>
      </c>
      <c r="G248" s="340" t="s">
        <v>911</v>
      </c>
    </row>
    <row r="249" spans="6:7">
      <c r="F249" s="335" t="s">
        <v>208</v>
      </c>
      <c r="G249" s="340" t="s">
        <v>915</v>
      </c>
    </row>
    <row r="250" spans="6:7">
      <c r="F250" s="335" t="s">
        <v>208</v>
      </c>
      <c r="G250" s="340" t="s">
        <v>748</v>
      </c>
    </row>
    <row r="251" spans="6:7">
      <c r="F251" s="335" t="s">
        <v>208</v>
      </c>
      <c r="G251" s="340" t="s">
        <v>34</v>
      </c>
    </row>
    <row r="252" spans="6:7">
      <c r="F252" s="335" t="s">
        <v>208</v>
      </c>
      <c r="G252" s="340" t="s">
        <v>919</v>
      </c>
    </row>
    <row r="253" spans="6:7">
      <c r="F253" s="335" t="s">
        <v>208</v>
      </c>
      <c r="G253" s="340" t="s">
        <v>922</v>
      </c>
    </row>
    <row r="254" spans="6:7">
      <c r="F254" s="335" t="s">
        <v>208</v>
      </c>
      <c r="G254" s="340" t="s">
        <v>564</v>
      </c>
    </row>
    <row r="255" spans="6:7">
      <c r="F255" s="335" t="s">
        <v>208</v>
      </c>
      <c r="G255" s="340" t="s">
        <v>862</v>
      </c>
    </row>
    <row r="256" spans="6:7">
      <c r="F256" s="335" t="s">
        <v>208</v>
      </c>
      <c r="G256" s="340" t="s">
        <v>237</v>
      </c>
    </row>
    <row r="257" spans="6:7">
      <c r="F257" s="335" t="s">
        <v>208</v>
      </c>
      <c r="G257" s="340" t="s">
        <v>457</v>
      </c>
    </row>
    <row r="258" spans="6:7">
      <c r="F258" s="335" t="s">
        <v>208</v>
      </c>
      <c r="G258" s="340" t="s">
        <v>16</v>
      </c>
    </row>
    <row r="259" spans="6:7">
      <c r="F259" s="335" t="s">
        <v>208</v>
      </c>
      <c r="G259" s="340" t="s">
        <v>437</v>
      </c>
    </row>
    <row r="260" spans="6:7">
      <c r="F260" s="335" t="s">
        <v>208</v>
      </c>
      <c r="G260" s="340" t="s">
        <v>924</v>
      </c>
    </row>
    <row r="261" spans="6:7">
      <c r="F261" s="335" t="s">
        <v>434</v>
      </c>
      <c r="G261" s="340" t="s">
        <v>926</v>
      </c>
    </row>
    <row r="262" spans="6:7">
      <c r="F262" s="335" t="s">
        <v>434</v>
      </c>
      <c r="G262" s="340" t="s">
        <v>928</v>
      </c>
    </row>
    <row r="263" spans="6:7">
      <c r="F263" s="335" t="s">
        <v>434</v>
      </c>
      <c r="G263" s="340" t="s">
        <v>611</v>
      </c>
    </row>
    <row r="264" spans="6:7">
      <c r="F264" s="335" t="s">
        <v>434</v>
      </c>
      <c r="G264" s="340" t="s">
        <v>930</v>
      </c>
    </row>
    <row r="265" spans="6:7">
      <c r="F265" s="335" t="s">
        <v>434</v>
      </c>
      <c r="G265" s="340" t="s">
        <v>841</v>
      </c>
    </row>
    <row r="266" spans="6:7">
      <c r="F266" s="335" t="s">
        <v>434</v>
      </c>
      <c r="G266" s="340" t="s">
        <v>545</v>
      </c>
    </row>
    <row r="267" spans="6:7">
      <c r="F267" s="335" t="s">
        <v>434</v>
      </c>
      <c r="G267" s="340" t="s">
        <v>932</v>
      </c>
    </row>
    <row r="268" spans="6:7">
      <c r="F268" s="335" t="s">
        <v>434</v>
      </c>
      <c r="G268" s="340" t="s">
        <v>937</v>
      </c>
    </row>
    <row r="269" spans="6:7">
      <c r="F269" s="335" t="s">
        <v>434</v>
      </c>
      <c r="G269" s="340" t="s">
        <v>683</v>
      </c>
    </row>
    <row r="270" spans="6:7">
      <c r="F270" s="335" t="s">
        <v>434</v>
      </c>
      <c r="G270" s="340" t="s">
        <v>855</v>
      </c>
    </row>
    <row r="271" spans="6:7">
      <c r="F271" s="335" t="s">
        <v>434</v>
      </c>
      <c r="G271" s="340" t="s">
        <v>940</v>
      </c>
    </row>
    <row r="272" spans="6:7">
      <c r="F272" s="335" t="s">
        <v>434</v>
      </c>
      <c r="G272" s="340" t="s">
        <v>609</v>
      </c>
    </row>
    <row r="273" spans="6:7">
      <c r="F273" s="335" t="s">
        <v>434</v>
      </c>
      <c r="G273" s="340" t="s">
        <v>935</v>
      </c>
    </row>
    <row r="274" spans="6:7">
      <c r="F274" s="335" t="s">
        <v>434</v>
      </c>
      <c r="G274" s="340" t="s">
        <v>227</v>
      </c>
    </row>
    <row r="275" spans="6:7">
      <c r="F275" s="335" t="s">
        <v>434</v>
      </c>
      <c r="G275" s="340" t="s">
        <v>942</v>
      </c>
    </row>
    <row r="276" spans="6:7">
      <c r="F276" s="335" t="s">
        <v>434</v>
      </c>
      <c r="G276" s="340" t="s">
        <v>944</v>
      </c>
    </row>
    <row r="277" spans="6:7">
      <c r="F277" s="335" t="s">
        <v>434</v>
      </c>
      <c r="G277" s="340" t="s">
        <v>946</v>
      </c>
    </row>
    <row r="278" spans="6:7">
      <c r="F278" s="335" t="s">
        <v>434</v>
      </c>
      <c r="G278" s="340" t="s">
        <v>354</v>
      </c>
    </row>
    <row r="279" spans="6:7">
      <c r="F279" s="335" t="s">
        <v>434</v>
      </c>
      <c r="G279" s="340" t="s">
        <v>949</v>
      </c>
    </row>
    <row r="280" spans="6:7">
      <c r="F280" s="335" t="s">
        <v>434</v>
      </c>
      <c r="G280" s="340" t="s">
        <v>951</v>
      </c>
    </row>
    <row r="281" spans="6:7">
      <c r="F281" s="335" t="s">
        <v>434</v>
      </c>
      <c r="G281" s="340" t="s">
        <v>954</v>
      </c>
    </row>
    <row r="282" spans="6:7">
      <c r="F282" s="335" t="s">
        <v>434</v>
      </c>
      <c r="G282" s="340" t="s">
        <v>463</v>
      </c>
    </row>
    <row r="283" spans="6:7">
      <c r="F283" s="335" t="s">
        <v>434</v>
      </c>
      <c r="G283" s="340" t="s">
        <v>188</v>
      </c>
    </row>
    <row r="284" spans="6:7">
      <c r="F284" s="335" t="s">
        <v>434</v>
      </c>
      <c r="G284" s="340" t="s">
        <v>956</v>
      </c>
    </row>
    <row r="285" spans="6:7">
      <c r="F285" s="335" t="s">
        <v>434</v>
      </c>
      <c r="G285" s="340" t="s">
        <v>958</v>
      </c>
    </row>
    <row r="286" spans="6:7">
      <c r="F286" s="335" t="s">
        <v>434</v>
      </c>
      <c r="G286" s="340" t="s">
        <v>960</v>
      </c>
    </row>
    <row r="287" spans="6:7">
      <c r="F287" s="335" t="s">
        <v>434</v>
      </c>
      <c r="G287" s="340" t="s">
        <v>963</v>
      </c>
    </row>
    <row r="288" spans="6:7">
      <c r="F288" s="335" t="s">
        <v>434</v>
      </c>
      <c r="G288" s="340" t="s">
        <v>566</v>
      </c>
    </row>
    <row r="289" spans="6:7">
      <c r="F289" s="335" t="s">
        <v>434</v>
      </c>
      <c r="G289" s="340" t="s">
        <v>965</v>
      </c>
    </row>
    <row r="290" spans="6:7">
      <c r="F290" s="335" t="s">
        <v>434</v>
      </c>
      <c r="G290" s="340" t="s">
        <v>521</v>
      </c>
    </row>
    <row r="291" spans="6:7">
      <c r="F291" s="335" t="s">
        <v>434</v>
      </c>
      <c r="G291" s="340" t="s">
        <v>966</v>
      </c>
    </row>
    <row r="292" spans="6:7">
      <c r="F292" s="335" t="s">
        <v>434</v>
      </c>
      <c r="G292" s="340" t="s">
        <v>228</v>
      </c>
    </row>
    <row r="293" spans="6:7">
      <c r="F293" s="335" t="s">
        <v>434</v>
      </c>
      <c r="G293" s="340" t="s">
        <v>968</v>
      </c>
    </row>
    <row r="294" spans="6:7">
      <c r="F294" s="335" t="s">
        <v>434</v>
      </c>
      <c r="G294" s="340" t="s">
        <v>969</v>
      </c>
    </row>
    <row r="295" spans="6:7">
      <c r="F295" s="335" t="s">
        <v>434</v>
      </c>
      <c r="G295" s="340" t="s">
        <v>971</v>
      </c>
    </row>
    <row r="296" spans="6:7">
      <c r="F296" s="335" t="s">
        <v>442</v>
      </c>
      <c r="G296" s="340" t="s">
        <v>976</v>
      </c>
    </row>
    <row r="297" spans="6:7">
      <c r="F297" s="335" t="s">
        <v>442</v>
      </c>
      <c r="G297" s="340" t="s">
        <v>979</v>
      </c>
    </row>
    <row r="298" spans="6:7">
      <c r="F298" s="335" t="s">
        <v>442</v>
      </c>
      <c r="G298" s="340" t="s">
        <v>318</v>
      </c>
    </row>
    <row r="299" spans="6:7">
      <c r="F299" s="335" t="s">
        <v>442</v>
      </c>
      <c r="G299" s="340" t="s">
        <v>497</v>
      </c>
    </row>
    <row r="300" spans="6:7">
      <c r="F300" s="335" t="s">
        <v>442</v>
      </c>
      <c r="G300" s="340" t="s">
        <v>678</v>
      </c>
    </row>
    <row r="301" spans="6:7">
      <c r="F301" s="335" t="s">
        <v>442</v>
      </c>
      <c r="G301" s="340" t="s">
        <v>824</v>
      </c>
    </row>
    <row r="302" spans="6:7">
      <c r="F302" s="335" t="s">
        <v>442</v>
      </c>
      <c r="G302" s="340" t="s">
        <v>472</v>
      </c>
    </row>
    <row r="303" spans="6:7">
      <c r="F303" s="335" t="s">
        <v>442</v>
      </c>
      <c r="G303" s="340" t="s">
        <v>982</v>
      </c>
    </row>
    <row r="304" spans="6:7">
      <c r="F304" s="335" t="s">
        <v>442</v>
      </c>
      <c r="G304" s="340" t="s">
        <v>984</v>
      </c>
    </row>
    <row r="305" spans="6:7">
      <c r="F305" s="335" t="s">
        <v>442</v>
      </c>
      <c r="G305" s="340" t="s">
        <v>830</v>
      </c>
    </row>
    <row r="306" spans="6:7">
      <c r="F306" s="335" t="s">
        <v>442</v>
      </c>
      <c r="G306" s="340" t="s">
        <v>986</v>
      </c>
    </row>
    <row r="307" spans="6:7">
      <c r="F307" s="335" t="s">
        <v>442</v>
      </c>
      <c r="G307" s="340" t="s">
        <v>169</v>
      </c>
    </row>
    <row r="308" spans="6:7">
      <c r="F308" s="335" t="s">
        <v>442</v>
      </c>
      <c r="G308" s="340" t="s">
        <v>262</v>
      </c>
    </row>
    <row r="309" spans="6:7">
      <c r="F309" s="335" t="s">
        <v>442</v>
      </c>
      <c r="G309" s="340" t="s">
        <v>987</v>
      </c>
    </row>
    <row r="310" spans="6:7">
      <c r="F310" s="335" t="s">
        <v>442</v>
      </c>
      <c r="G310" s="340" t="s">
        <v>449</v>
      </c>
    </row>
    <row r="311" spans="6:7">
      <c r="F311" s="335" t="s">
        <v>442</v>
      </c>
      <c r="G311" s="340" t="s">
        <v>989</v>
      </c>
    </row>
    <row r="312" spans="6:7">
      <c r="F312" s="335" t="s">
        <v>442</v>
      </c>
      <c r="G312" s="340" t="s">
        <v>991</v>
      </c>
    </row>
    <row r="313" spans="6:7">
      <c r="F313" s="335" t="s">
        <v>442</v>
      </c>
      <c r="G313" s="340" t="s">
        <v>755</v>
      </c>
    </row>
    <row r="314" spans="6:7">
      <c r="F314" s="335" t="s">
        <v>442</v>
      </c>
      <c r="G314" s="340" t="s">
        <v>992</v>
      </c>
    </row>
    <row r="315" spans="6:7">
      <c r="F315" s="335" t="s">
        <v>442</v>
      </c>
      <c r="G315" s="340" t="s">
        <v>786</v>
      </c>
    </row>
    <row r="316" spans="6:7">
      <c r="F316" s="335" t="s">
        <v>442</v>
      </c>
      <c r="G316" s="340" t="s">
        <v>994</v>
      </c>
    </row>
    <row r="317" spans="6:7">
      <c r="F317" s="335" t="s">
        <v>442</v>
      </c>
      <c r="G317" s="340" t="s">
        <v>918</v>
      </c>
    </row>
    <row r="318" spans="6:7">
      <c r="F318" s="335" t="s">
        <v>442</v>
      </c>
      <c r="G318" s="340" t="s">
        <v>764</v>
      </c>
    </row>
    <row r="319" spans="6:7">
      <c r="F319" s="335" t="s">
        <v>442</v>
      </c>
      <c r="G319" s="340" t="s">
        <v>582</v>
      </c>
    </row>
    <row r="320" spans="6:7">
      <c r="F320" s="335" t="s">
        <v>442</v>
      </c>
      <c r="G320" s="340" t="s">
        <v>916</v>
      </c>
    </row>
    <row r="321" spans="6:7">
      <c r="F321" s="335" t="s">
        <v>352</v>
      </c>
      <c r="G321" s="340" t="s">
        <v>997</v>
      </c>
    </row>
    <row r="322" spans="6:7">
      <c r="F322" s="335" t="s">
        <v>352</v>
      </c>
      <c r="G322" s="340" t="s">
        <v>999</v>
      </c>
    </row>
    <row r="323" spans="6:7">
      <c r="F323" s="335" t="s">
        <v>352</v>
      </c>
      <c r="G323" s="340" t="s">
        <v>1003</v>
      </c>
    </row>
    <row r="324" spans="6:7">
      <c r="F324" s="335" t="s">
        <v>352</v>
      </c>
      <c r="G324" s="340" t="s">
        <v>50</v>
      </c>
    </row>
    <row r="325" spans="6:7">
      <c r="F325" s="335" t="s">
        <v>352</v>
      </c>
      <c r="G325" s="340" t="s">
        <v>1006</v>
      </c>
    </row>
    <row r="326" spans="6:7">
      <c r="F326" s="335" t="s">
        <v>352</v>
      </c>
      <c r="G326" s="340" t="s">
        <v>1009</v>
      </c>
    </row>
    <row r="327" spans="6:7">
      <c r="F327" s="335" t="s">
        <v>352</v>
      </c>
      <c r="G327" s="340" t="s">
        <v>1010</v>
      </c>
    </row>
    <row r="328" spans="6:7">
      <c r="F328" s="335" t="s">
        <v>352</v>
      </c>
      <c r="G328" s="340" t="s">
        <v>1012</v>
      </c>
    </row>
    <row r="329" spans="6:7">
      <c r="F329" s="335" t="s">
        <v>352</v>
      </c>
      <c r="G329" s="340" t="s">
        <v>407</v>
      </c>
    </row>
    <row r="330" spans="6:7">
      <c r="F330" s="335" t="s">
        <v>352</v>
      </c>
      <c r="G330" s="340" t="s">
        <v>11</v>
      </c>
    </row>
    <row r="331" spans="6:7">
      <c r="F331" s="335" t="s">
        <v>352</v>
      </c>
      <c r="G331" s="340" t="s">
        <v>1015</v>
      </c>
    </row>
    <row r="332" spans="6:7">
      <c r="F332" s="335" t="s">
        <v>352</v>
      </c>
      <c r="G332" s="340" t="s">
        <v>655</v>
      </c>
    </row>
    <row r="333" spans="6:7">
      <c r="F333" s="335" t="s">
        <v>352</v>
      </c>
      <c r="G333" s="340" t="s">
        <v>149</v>
      </c>
    </row>
    <row r="334" spans="6:7">
      <c r="F334" s="335" t="s">
        <v>352</v>
      </c>
      <c r="G334" s="340" t="s">
        <v>1016</v>
      </c>
    </row>
    <row r="335" spans="6:7">
      <c r="F335" s="335" t="s">
        <v>352</v>
      </c>
      <c r="G335" s="340" t="s">
        <v>385</v>
      </c>
    </row>
    <row r="336" spans="6:7">
      <c r="F336" s="335" t="s">
        <v>352</v>
      </c>
      <c r="G336" s="340" t="s">
        <v>891</v>
      </c>
    </row>
    <row r="337" spans="6:7">
      <c r="F337" s="335" t="s">
        <v>352</v>
      </c>
      <c r="G337" s="340" t="s">
        <v>1019</v>
      </c>
    </row>
    <row r="338" spans="6:7">
      <c r="F338" s="335" t="s">
        <v>352</v>
      </c>
      <c r="G338" s="340" t="s">
        <v>14</v>
      </c>
    </row>
    <row r="339" spans="6:7">
      <c r="F339" s="335" t="s">
        <v>352</v>
      </c>
      <c r="G339" s="340" t="s">
        <v>1024</v>
      </c>
    </row>
    <row r="340" spans="6:7">
      <c r="F340" s="335" t="s">
        <v>352</v>
      </c>
      <c r="G340" s="340" t="s">
        <v>1025</v>
      </c>
    </row>
    <row r="341" spans="6:7">
      <c r="F341" s="335" t="s">
        <v>352</v>
      </c>
      <c r="G341" s="340" t="s">
        <v>1028</v>
      </c>
    </row>
    <row r="342" spans="6:7">
      <c r="F342" s="335" t="s">
        <v>352</v>
      </c>
      <c r="G342" s="340" t="s">
        <v>1029</v>
      </c>
    </row>
    <row r="343" spans="6:7">
      <c r="F343" s="335" t="s">
        <v>352</v>
      </c>
      <c r="G343" s="340" t="s">
        <v>1031</v>
      </c>
    </row>
    <row r="344" spans="6:7">
      <c r="F344" s="335" t="s">
        <v>352</v>
      </c>
      <c r="G344" s="340" t="s">
        <v>974</v>
      </c>
    </row>
    <row r="345" spans="6:7">
      <c r="F345" s="335" t="s">
        <v>352</v>
      </c>
      <c r="G345" s="340" t="s">
        <v>1032</v>
      </c>
    </row>
    <row r="346" spans="6:7">
      <c r="F346" s="335" t="s">
        <v>352</v>
      </c>
      <c r="G346" s="340" t="s">
        <v>1034</v>
      </c>
    </row>
    <row r="347" spans="6:7">
      <c r="F347" s="335" t="s">
        <v>352</v>
      </c>
      <c r="G347" s="340" t="s">
        <v>1037</v>
      </c>
    </row>
    <row r="348" spans="6:7">
      <c r="F348" s="335" t="s">
        <v>352</v>
      </c>
      <c r="G348" s="340" t="s">
        <v>1040</v>
      </c>
    </row>
    <row r="349" spans="6:7">
      <c r="F349" s="335" t="s">
        <v>352</v>
      </c>
      <c r="G349" s="340" t="s">
        <v>618</v>
      </c>
    </row>
    <row r="350" spans="6:7">
      <c r="F350" s="335" t="s">
        <v>352</v>
      </c>
      <c r="G350" s="340" t="s">
        <v>605</v>
      </c>
    </row>
    <row r="351" spans="6:7">
      <c r="F351" s="335" t="s">
        <v>352</v>
      </c>
      <c r="G351" s="340" t="s">
        <v>1042</v>
      </c>
    </row>
    <row r="352" spans="6:7">
      <c r="F352" s="335" t="s">
        <v>352</v>
      </c>
      <c r="G352" s="340" t="s">
        <v>1044</v>
      </c>
    </row>
    <row r="353" spans="6:7">
      <c r="F353" s="335" t="s">
        <v>352</v>
      </c>
      <c r="G353" s="340" t="s">
        <v>857</v>
      </c>
    </row>
    <row r="354" spans="6:7">
      <c r="F354" s="335" t="s">
        <v>352</v>
      </c>
      <c r="G354" s="340" t="s">
        <v>1045</v>
      </c>
    </row>
    <row r="355" spans="6:7">
      <c r="F355" s="335" t="s">
        <v>352</v>
      </c>
      <c r="G355" s="340" t="s">
        <v>79</v>
      </c>
    </row>
    <row r="356" spans="6:7">
      <c r="F356" s="335" t="s">
        <v>451</v>
      </c>
      <c r="G356" s="340" t="s">
        <v>1047</v>
      </c>
    </row>
    <row r="357" spans="6:7">
      <c r="F357" s="335" t="s">
        <v>451</v>
      </c>
      <c r="G357" s="340" t="s">
        <v>414</v>
      </c>
    </row>
    <row r="358" spans="6:7">
      <c r="F358" s="335" t="s">
        <v>451</v>
      </c>
      <c r="G358" s="340" t="s">
        <v>1048</v>
      </c>
    </row>
    <row r="359" spans="6:7">
      <c r="F359" s="335" t="s">
        <v>451</v>
      </c>
      <c r="G359" s="340" t="s">
        <v>65</v>
      </c>
    </row>
    <row r="360" spans="6:7">
      <c r="F360" s="335" t="s">
        <v>451</v>
      </c>
      <c r="G360" s="340" t="s">
        <v>1053</v>
      </c>
    </row>
    <row r="361" spans="6:7">
      <c r="F361" s="335" t="s">
        <v>451</v>
      </c>
      <c r="G361" s="340" t="s">
        <v>1056</v>
      </c>
    </row>
    <row r="362" spans="6:7">
      <c r="F362" s="335" t="s">
        <v>451</v>
      </c>
      <c r="G362" s="340" t="s">
        <v>1022</v>
      </c>
    </row>
    <row r="363" spans="6:7">
      <c r="F363" s="335" t="s">
        <v>451</v>
      </c>
      <c r="G363" s="340" t="s">
        <v>534</v>
      </c>
    </row>
    <row r="364" spans="6:7">
      <c r="F364" s="335" t="s">
        <v>451</v>
      </c>
      <c r="G364" s="340" t="s">
        <v>1058</v>
      </c>
    </row>
    <row r="365" spans="6:7">
      <c r="F365" s="335" t="s">
        <v>451</v>
      </c>
      <c r="G365" s="340" t="s">
        <v>1062</v>
      </c>
    </row>
    <row r="366" spans="6:7">
      <c r="F366" s="335" t="s">
        <v>451</v>
      </c>
      <c r="G366" s="340" t="s">
        <v>671</v>
      </c>
    </row>
    <row r="367" spans="6:7">
      <c r="F367" s="335" t="s">
        <v>451</v>
      </c>
      <c r="G367" s="340" t="s">
        <v>8</v>
      </c>
    </row>
    <row r="368" spans="6:7">
      <c r="F368" s="335" t="s">
        <v>451</v>
      </c>
      <c r="G368" s="340" t="s">
        <v>159</v>
      </c>
    </row>
    <row r="369" spans="6:7">
      <c r="F369" s="335" t="s">
        <v>451</v>
      </c>
      <c r="G369" s="340" t="s">
        <v>892</v>
      </c>
    </row>
    <row r="370" spans="6:7">
      <c r="F370" s="335" t="s">
        <v>451</v>
      </c>
      <c r="G370" s="340" t="s">
        <v>1038</v>
      </c>
    </row>
    <row r="371" spans="6:7">
      <c r="F371" s="335" t="s">
        <v>451</v>
      </c>
      <c r="G371" s="340" t="s">
        <v>1063</v>
      </c>
    </row>
    <row r="372" spans="6:7">
      <c r="F372" s="335" t="s">
        <v>451</v>
      </c>
      <c r="G372" s="340" t="s">
        <v>1066</v>
      </c>
    </row>
    <row r="373" spans="6:7">
      <c r="F373" s="335" t="s">
        <v>451</v>
      </c>
      <c r="G373" s="340" t="s">
        <v>1069</v>
      </c>
    </row>
    <row r="374" spans="6:7">
      <c r="F374" s="335" t="s">
        <v>451</v>
      </c>
      <c r="G374" s="340" t="s">
        <v>376</v>
      </c>
    </row>
    <row r="375" spans="6:7">
      <c r="F375" s="335" t="s">
        <v>451</v>
      </c>
      <c r="G375" s="340" t="s">
        <v>1070</v>
      </c>
    </row>
    <row r="376" spans="6:7">
      <c r="F376" s="335" t="s">
        <v>451</v>
      </c>
      <c r="G376" s="340" t="s">
        <v>1071</v>
      </c>
    </row>
    <row r="377" spans="6:7">
      <c r="F377" s="335" t="s">
        <v>451</v>
      </c>
      <c r="G377" s="340" t="s">
        <v>1072</v>
      </c>
    </row>
    <row r="378" spans="6:7">
      <c r="F378" s="335" t="s">
        <v>451</v>
      </c>
      <c r="G378" s="340" t="s">
        <v>1074</v>
      </c>
    </row>
    <row r="379" spans="6:7">
      <c r="F379" s="335" t="s">
        <v>451</v>
      </c>
      <c r="G379" s="340" t="s">
        <v>769</v>
      </c>
    </row>
    <row r="380" spans="6:7">
      <c r="F380" s="335" t="s">
        <v>451</v>
      </c>
      <c r="G380" s="340" t="s">
        <v>1075</v>
      </c>
    </row>
    <row r="381" spans="6:7">
      <c r="F381" s="335" t="s">
        <v>451</v>
      </c>
      <c r="G381" s="340" t="s">
        <v>1076</v>
      </c>
    </row>
    <row r="382" spans="6:7">
      <c r="F382" s="335" t="s">
        <v>451</v>
      </c>
      <c r="G382" s="340" t="s">
        <v>1079</v>
      </c>
    </row>
    <row r="383" spans="6:7">
      <c r="F383" s="335" t="s">
        <v>451</v>
      </c>
      <c r="G383" s="340" t="s">
        <v>109</v>
      </c>
    </row>
    <row r="384" spans="6:7">
      <c r="F384" s="335" t="s">
        <v>451</v>
      </c>
      <c r="G384" s="340" t="s">
        <v>1080</v>
      </c>
    </row>
    <row r="385" spans="6:7">
      <c r="F385" s="335" t="s">
        <v>451</v>
      </c>
      <c r="G385" s="340" t="s">
        <v>1082</v>
      </c>
    </row>
    <row r="386" spans="6:7">
      <c r="F386" s="335" t="s">
        <v>451</v>
      </c>
      <c r="G386" s="340" t="s">
        <v>1083</v>
      </c>
    </row>
    <row r="387" spans="6:7">
      <c r="F387" s="335" t="s">
        <v>451</v>
      </c>
      <c r="G387" s="340" t="s">
        <v>1028</v>
      </c>
    </row>
    <row r="388" spans="6:7">
      <c r="F388" s="335" t="s">
        <v>451</v>
      </c>
      <c r="G388" s="340" t="s">
        <v>842</v>
      </c>
    </row>
    <row r="389" spans="6:7">
      <c r="F389" s="335" t="s">
        <v>451</v>
      </c>
      <c r="G389" s="340" t="s">
        <v>439</v>
      </c>
    </row>
    <row r="390" spans="6:7">
      <c r="F390" s="335" t="s">
        <v>451</v>
      </c>
      <c r="G390" s="340" t="s">
        <v>6</v>
      </c>
    </row>
    <row r="391" spans="6:7">
      <c r="F391" s="335" t="s">
        <v>451</v>
      </c>
      <c r="G391" s="340" t="s">
        <v>691</v>
      </c>
    </row>
    <row r="392" spans="6:7">
      <c r="F392" s="335" t="s">
        <v>451</v>
      </c>
      <c r="G392" s="340" t="s">
        <v>551</v>
      </c>
    </row>
    <row r="393" spans="6:7">
      <c r="F393" s="335" t="s">
        <v>451</v>
      </c>
      <c r="G393" s="340" t="s">
        <v>396</v>
      </c>
    </row>
    <row r="394" spans="6:7">
      <c r="F394" s="335" t="s">
        <v>451</v>
      </c>
      <c r="G394" s="340" t="s">
        <v>1084</v>
      </c>
    </row>
    <row r="395" spans="6:7">
      <c r="F395" s="335" t="s">
        <v>451</v>
      </c>
      <c r="G395" s="340" t="s">
        <v>1087</v>
      </c>
    </row>
    <row r="396" spans="6:7">
      <c r="F396" s="335" t="s">
        <v>451</v>
      </c>
      <c r="G396" s="340" t="s">
        <v>1026</v>
      </c>
    </row>
    <row r="397" spans="6:7">
      <c r="F397" s="335" t="s">
        <v>451</v>
      </c>
      <c r="G397" s="340" t="s">
        <v>287</v>
      </c>
    </row>
    <row r="398" spans="6:7">
      <c r="F398" s="335" t="s">
        <v>451</v>
      </c>
      <c r="G398" s="340" t="s">
        <v>705</v>
      </c>
    </row>
    <row r="399" spans="6:7">
      <c r="F399" s="335" t="s">
        <v>451</v>
      </c>
      <c r="G399" s="340" t="s">
        <v>1088</v>
      </c>
    </row>
    <row r="400" spans="6:7">
      <c r="F400" s="335" t="s">
        <v>451</v>
      </c>
      <c r="G400" s="340" t="s">
        <v>314</v>
      </c>
    </row>
    <row r="401" spans="6:7">
      <c r="F401" s="335" t="s">
        <v>451</v>
      </c>
      <c r="G401" s="340" t="s">
        <v>1090</v>
      </c>
    </row>
    <row r="402" spans="6:7">
      <c r="F402" s="335" t="s">
        <v>451</v>
      </c>
      <c r="G402" s="340" t="s">
        <v>1092</v>
      </c>
    </row>
    <row r="403" spans="6:7">
      <c r="F403" s="335" t="s">
        <v>451</v>
      </c>
      <c r="G403" s="340" t="s">
        <v>450</v>
      </c>
    </row>
    <row r="404" spans="6:7">
      <c r="F404" s="335" t="s">
        <v>451</v>
      </c>
      <c r="G404" s="340" t="s">
        <v>1094</v>
      </c>
    </row>
    <row r="405" spans="6:7">
      <c r="F405" s="335" t="s">
        <v>451</v>
      </c>
      <c r="G405" s="340" t="s">
        <v>168</v>
      </c>
    </row>
    <row r="406" spans="6:7">
      <c r="F406" s="335" t="s">
        <v>451</v>
      </c>
      <c r="G406" s="340" t="s">
        <v>25</v>
      </c>
    </row>
    <row r="407" spans="6:7">
      <c r="F407" s="335" t="s">
        <v>451</v>
      </c>
      <c r="G407" s="340" t="s">
        <v>35</v>
      </c>
    </row>
    <row r="408" spans="6:7">
      <c r="F408" s="335" t="s">
        <v>451</v>
      </c>
      <c r="G408" s="340" t="s">
        <v>1095</v>
      </c>
    </row>
    <row r="409" spans="6:7">
      <c r="F409" s="335" t="s">
        <v>451</v>
      </c>
      <c r="G409" s="340" t="s">
        <v>1096</v>
      </c>
    </row>
    <row r="410" spans="6:7">
      <c r="F410" s="335" t="s">
        <v>451</v>
      </c>
      <c r="G410" s="340" t="s">
        <v>335</v>
      </c>
    </row>
    <row r="411" spans="6:7">
      <c r="F411" s="335" t="s">
        <v>451</v>
      </c>
      <c r="G411" s="340" t="s">
        <v>833</v>
      </c>
    </row>
    <row r="412" spans="6:7">
      <c r="F412" s="335" t="s">
        <v>451</v>
      </c>
      <c r="G412" s="340" t="s">
        <v>53</v>
      </c>
    </row>
    <row r="413" spans="6:7">
      <c r="F413" s="335" t="s">
        <v>451</v>
      </c>
      <c r="G413" s="340" t="s">
        <v>1097</v>
      </c>
    </row>
    <row r="414" spans="6:7">
      <c r="F414" s="335" t="s">
        <v>451</v>
      </c>
      <c r="G414" s="340" t="s">
        <v>952</v>
      </c>
    </row>
    <row r="415" spans="6:7">
      <c r="F415" s="335" t="s">
        <v>462</v>
      </c>
      <c r="G415" s="340" t="s">
        <v>1101</v>
      </c>
    </row>
    <row r="416" spans="6:7">
      <c r="F416" s="335" t="s">
        <v>462</v>
      </c>
      <c r="G416" s="340" t="s">
        <v>938</v>
      </c>
    </row>
    <row r="417" spans="6:7">
      <c r="F417" s="335" t="s">
        <v>462</v>
      </c>
      <c r="G417" s="340" t="s">
        <v>1104</v>
      </c>
    </row>
    <row r="418" spans="6:7">
      <c r="F418" s="335" t="s">
        <v>462</v>
      </c>
      <c r="G418" s="340" t="s">
        <v>102</v>
      </c>
    </row>
    <row r="419" spans="6:7">
      <c r="F419" s="335" t="s">
        <v>462</v>
      </c>
      <c r="G419" s="340" t="s">
        <v>1105</v>
      </c>
    </row>
    <row r="420" spans="6:7">
      <c r="F420" s="335" t="s">
        <v>462</v>
      </c>
      <c r="G420" s="340" t="s">
        <v>1106</v>
      </c>
    </row>
    <row r="421" spans="6:7">
      <c r="F421" s="335" t="s">
        <v>462</v>
      </c>
      <c r="G421" s="340" t="s">
        <v>1107</v>
      </c>
    </row>
    <row r="422" spans="6:7">
      <c r="F422" s="335" t="s">
        <v>462</v>
      </c>
      <c r="G422" s="340" t="s">
        <v>489</v>
      </c>
    </row>
    <row r="423" spans="6:7">
      <c r="F423" s="335" t="s">
        <v>462</v>
      </c>
      <c r="G423" s="340" t="s">
        <v>1108</v>
      </c>
    </row>
    <row r="424" spans="6:7">
      <c r="F424" s="335" t="s">
        <v>462</v>
      </c>
      <c r="G424" s="340" t="s">
        <v>202</v>
      </c>
    </row>
    <row r="425" spans="6:7">
      <c r="F425" s="335" t="s">
        <v>462</v>
      </c>
      <c r="G425" s="340" t="s">
        <v>1110</v>
      </c>
    </row>
    <row r="426" spans="6:7">
      <c r="F426" s="335" t="s">
        <v>462</v>
      </c>
      <c r="G426" s="340" t="s">
        <v>1115</v>
      </c>
    </row>
    <row r="427" spans="6:7">
      <c r="F427" s="335" t="s">
        <v>462</v>
      </c>
      <c r="G427" s="340" t="s">
        <v>1117</v>
      </c>
    </row>
    <row r="428" spans="6:7">
      <c r="F428" s="335" t="s">
        <v>462</v>
      </c>
      <c r="G428" s="340" t="s">
        <v>1118</v>
      </c>
    </row>
    <row r="429" spans="6:7">
      <c r="F429" s="335" t="s">
        <v>462</v>
      </c>
      <c r="G429" s="340" t="s">
        <v>1119</v>
      </c>
    </row>
    <row r="430" spans="6:7">
      <c r="F430" s="335" t="s">
        <v>462</v>
      </c>
      <c r="G430" s="340" t="s">
        <v>1121</v>
      </c>
    </row>
    <row r="431" spans="6:7">
      <c r="F431" s="335" t="s">
        <v>462</v>
      </c>
      <c r="G431" s="340" t="s">
        <v>334</v>
      </c>
    </row>
    <row r="432" spans="6:7">
      <c r="F432" s="335" t="s">
        <v>462</v>
      </c>
      <c r="G432" s="340" t="s">
        <v>1124</v>
      </c>
    </row>
    <row r="433" spans="6:7">
      <c r="F433" s="335" t="s">
        <v>462</v>
      </c>
      <c r="G433" s="340" t="s">
        <v>1126</v>
      </c>
    </row>
    <row r="434" spans="6:7">
      <c r="F434" s="335" t="s">
        <v>462</v>
      </c>
      <c r="G434" s="340" t="s">
        <v>294</v>
      </c>
    </row>
    <row r="435" spans="6:7">
      <c r="F435" s="335" t="s">
        <v>462</v>
      </c>
      <c r="G435" s="340" t="s">
        <v>586</v>
      </c>
    </row>
    <row r="436" spans="6:7">
      <c r="F436" s="335" t="s">
        <v>462</v>
      </c>
      <c r="G436" s="340" t="s">
        <v>1130</v>
      </c>
    </row>
    <row r="437" spans="6:7">
      <c r="F437" s="335" t="s">
        <v>462</v>
      </c>
      <c r="G437" s="340" t="s">
        <v>1099</v>
      </c>
    </row>
    <row r="438" spans="6:7">
      <c r="F438" s="335" t="s">
        <v>462</v>
      </c>
      <c r="G438" s="340" t="s">
        <v>1134</v>
      </c>
    </row>
    <row r="439" spans="6:7">
      <c r="F439" s="335" t="s">
        <v>462</v>
      </c>
      <c r="G439" s="340" t="s">
        <v>1050</v>
      </c>
    </row>
    <row r="440" spans="6:7">
      <c r="F440" s="335" t="s">
        <v>462</v>
      </c>
      <c r="G440" s="340" t="s">
        <v>782</v>
      </c>
    </row>
    <row r="441" spans="6:7">
      <c r="F441" s="335" t="s">
        <v>462</v>
      </c>
      <c r="G441" s="340" t="s">
        <v>1135</v>
      </c>
    </row>
    <row r="442" spans="6:7">
      <c r="F442" s="335" t="s">
        <v>462</v>
      </c>
      <c r="G442" s="340" t="s">
        <v>123</v>
      </c>
    </row>
    <row r="443" spans="6:7">
      <c r="F443" s="335" t="s">
        <v>462</v>
      </c>
      <c r="G443" s="340" t="s">
        <v>1128</v>
      </c>
    </row>
    <row r="444" spans="6:7">
      <c r="F444" s="335" t="s">
        <v>462</v>
      </c>
      <c r="G444" s="340" t="s">
        <v>738</v>
      </c>
    </row>
    <row r="445" spans="6:7">
      <c r="F445" s="335" t="s">
        <v>462</v>
      </c>
      <c r="G445" s="340" t="s">
        <v>1137</v>
      </c>
    </row>
    <row r="446" spans="6:7">
      <c r="F446" s="335" t="s">
        <v>462</v>
      </c>
      <c r="G446" s="340" t="s">
        <v>684</v>
      </c>
    </row>
    <row r="447" spans="6:7">
      <c r="F447" s="335" t="s">
        <v>462</v>
      </c>
      <c r="G447" s="340" t="s">
        <v>828</v>
      </c>
    </row>
    <row r="448" spans="6:7">
      <c r="F448" s="335" t="s">
        <v>462</v>
      </c>
      <c r="G448" s="340" t="s">
        <v>1140</v>
      </c>
    </row>
    <row r="449" spans="6:7">
      <c r="F449" s="335" t="s">
        <v>462</v>
      </c>
      <c r="G449" s="340" t="s">
        <v>1144</v>
      </c>
    </row>
    <row r="450" spans="6:7">
      <c r="F450" s="335" t="s">
        <v>462</v>
      </c>
      <c r="G450" s="340" t="s">
        <v>323</v>
      </c>
    </row>
    <row r="451" spans="6:7">
      <c r="F451" s="335" t="s">
        <v>462</v>
      </c>
      <c r="G451" s="340" t="s">
        <v>1145</v>
      </c>
    </row>
    <row r="452" spans="6:7">
      <c r="F452" s="335" t="s">
        <v>462</v>
      </c>
      <c r="G452" s="340" t="s">
        <v>1049</v>
      </c>
    </row>
    <row r="453" spans="6:7">
      <c r="F453" s="335" t="s">
        <v>462</v>
      </c>
      <c r="G453" s="340" t="s">
        <v>1147</v>
      </c>
    </row>
    <row r="454" spans="6:7">
      <c r="F454" s="335" t="s">
        <v>462</v>
      </c>
      <c r="G454" s="340" t="s">
        <v>676</v>
      </c>
    </row>
    <row r="455" spans="6:7">
      <c r="F455" s="335" t="s">
        <v>462</v>
      </c>
      <c r="G455" s="340" t="s">
        <v>1149</v>
      </c>
    </row>
    <row r="456" spans="6:7">
      <c r="F456" s="335" t="s">
        <v>462</v>
      </c>
      <c r="G456" s="340" t="s">
        <v>1150</v>
      </c>
    </row>
    <row r="457" spans="6:7">
      <c r="F457" s="335" t="s">
        <v>462</v>
      </c>
      <c r="G457" s="340" t="s">
        <v>1151</v>
      </c>
    </row>
    <row r="458" spans="6:7">
      <c r="F458" s="335" t="s">
        <v>462</v>
      </c>
      <c r="G458" s="340" t="s">
        <v>1153</v>
      </c>
    </row>
    <row r="459" spans="6:7">
      <c r="F459" s="335" t="s">
        <v>468</v>
      </c>
      <c r="G459" s="340" t="s">
        <v>1154</v>
      </c>
    </row>
    <row r="460" spans="6:7">
      <c r="F460" s="335" t="s">
        <v>468</v>
      </c>
      <c r="G460" s="340" t="s">
        <v>302</v>
      </c>
    </row>
    <row r="461" spans="6:7">
      <c r="F461" s="335" t="s">
        <v>468</v>
      </c>
      <c r="G461" s="340" t="s">
        <v>196</v>
      </c>
    </row>
    <row r="462" spans="6:7">
      <c r="F462" s="335" t="s">
        <v>468</v>
      </c>
      <c r="G462" s="340" t="s">
        <v>423</v>
      </c>
    </row>
    <row r="463" spans="6:7">
      <c r="F463" s="335" t="s">
        <v>468</v>
      </c>
      <c r="G463" s="340" t="s">
        <v>1156</v>
      </c>
    </row>
    <row r="464" spans="6:7">
      <c r="F464" s="335" t="s">
        <v>468</v>
      </c>
      <c r="G464" s="340" t="s">
        <v>192</v>
      </c>
    </row>
    <row r="465" spans="6:7">
      <c r="F465" s="335" t="s">
        <v>468</v>
      </c>
      <c r="G465" s="340" t="s">
        <v>1158</v>
      </c>
    </row>
    <row r="466" spans="6:7">
      <c r="F466" s="335" t="s">
        <v>468</v>
      </c>
      <c r="G466" s="340" t="s">
        <v>87</v>
      </c>
    </row>
    <row r="467" spans="6:7">
      <c r="F467" s="335" t="s">
        <v>468</v>
      </c>
      <c r="G467" s="340" t="s">
        <v>1161</v>
      </c>
    </row>
    <row r="468" spans="6:7">
      <c r="F468" s="335" t="s">
        <v>468</v>
      </c>
      <c r="G468" s="340" t="s">
        <v>1162</v>
      </c>
    </row>
    <row r="469" spans="6:7">
      <c r="F469" s="335" t="s">
        <v>468</v>
      </c>
      <c r="G469" s="340" t="s">
        <v>578</v>
      </c>
    </row>
    <row r="470" spans="6:7">
      <c r="F470" s="335" t="s">
        <v>468</v>
      </c>
      <c r="G470" s="340" t="s">
        <v>28</v>
      </c>
    </row>
    <row r="471" spans="6:7">
      <c r="F471" s="335" t="s">
        <v>468</v>
      </c>
      <c r="G471" s="340" t="s">
        <v>1165</v>
      </c>
    </row>
    <row r="472" spans="6:7">
      <c r="F472" s="335" t="s">
        <v>468</v>
      </c>
      <c r="G472" s="340" t="s">
        <v>124</v>
      </c>
    </row>
    <row r="473" spans="6:7">
      <c r="F473" s="335" t="s">
        <v>468</v>
      </c>
      <c r="G473" s="340" t="s">
        <v>896</v>
      </c>
    </row>
    <row r="474" spans="6:7">
      <c r="F474" s="335" t="s">
        <v>468</v>
      </c>
      <c r="G474" s="340" t="s">
        <v>1166</v>
      </c>
    </row>
    <row r="475" spans="6:7">
      <c r="F475" s="335" t="s">
        <v>468</v>
      </c>
      <c r="G475" s="340" t="s">
        <v>820</v>
      </c>
    </row>
    <row r="476" spans="6:7">
      <c r="F476" s="335" t="s">
        <v>468</v>
      </c>
      <c r="G476" s="340" t="s">
        <v>1167</v>
      </c>
    </row>
    <row r="477" spans="6:7">
      <c r="F477" s="335" t="s">
        <v>468</v>
      </c>
      <c r="G477" s="340" t="s">
        <v>460</v>
      </c>
    </row>
    <row r="478" spans="6:7">
      <c r="F478" s="335" t="s">
        <v>468</v>
      </c>
      <c r="G478" s="340" t="s">
        <v>1155</v>
      </c>
    </row>
    <row r="479" spans="6:7">
      <c r="F479" s="335" t="s">
        <v>468</v>
      </c>
      <c r="G479" s="340" t="s">
        <v>418</v>
      </c>
    </row>
    <row r="480" spans="6:7">
      <c r="F480" s="335" t="s">
        <v>468</v>
      </c>
      <c r="G480" s="340" t="s">
        <v>1168</v>
      </c>
    </row>
    <row r="481" spans="6:7">
      <c r="F481" s="335" t="s">
        <v>468</v>
      </c>
      <c r="G481" s="340" t="s">
        <v>1171</v>
      </c>
    </row>
    <row r="482" spans="6:7">
      <c r="F482" s="335" t="s">
        <v>468</v>
      </c>
      <c r="G482" s="340" t="s">
        <v>116</v>
      </c>
    </row>
    <row r="483" spans="6:7">
      <c r="F483" s="335" t="s">
        <v>468</v>
      </c>
      <c r="G483" s="340" t="s">
        <v>1172</v>
      </c>
    </row>
    <row r="484" spans="6:7">
      <c r="F484" s="335" t="s">
        <v>194</v>
      </c>
      <c r="G484" s="340" t="s">
        <v>469</v>
      </c>
    </row>
    <row r="485" spans="6:7">
      <c r="F485" s="335" t="s">
        <v>194</v>
      </c>
      <c r="G485" s="340" t="s">
        <v>1086</v>
      </c>
    </row>
    <row r="486" spans="6:7">
      <c r="F486" s="335" t="s">
        <v>194</v>
      </c>
      <c r="G486" s="340" t="s">
        <v>953</v>
      </c>
    </row>
    <row r="487" spans="6:7">
      <c r="F487" s="335" t="s">
        <v>194</v>
      </c>
      <c r="G487" s="340" t="s">
        <v>845</v>
      </c>
    </row>
    <row r="488" spans="6:7">
      <c r="F488" s="335" t="s">
        <v>194</v>
      </c>
      <c r="G488" s="340" t="s">
        <v>1174</v>
      </c>
    </row>
    <row r="489" spans="6:7">
      <c r="F489" s="335" t="s">
        <v>194</v>
      </c>
      <c r="G489" s="340" t="s">
        <v>680</v>
      </c>
    </row>
    <row r="490" spans="6:7">
      <c r="F490" s="335" t="s">
        <v>194</v>
      </c>
      <c r="G490" s="340" t="s">
        <v>617</v>
      </c>
    </row>
    <row r="491" spans="6:7">
      <c r="F491" s="335" t="s">
        <v>194</v>
      </c>
      <c r="G491" s="340" t="s">
        <v>1176</v>
      </c>
    </row>
    <row r="492" spans="6:7">
      <c r="F492" s="335" t="s">
        <v>194</v>
      </c>
      <c r="G492" s="340" t="s">
        <v>261</v>
      </c>
    </row>
    <row r="493" spans="6:7">
      <c r="F493" s="335" t="s">
        <v>194</v>
      </c>
      <c r="G493" s="340" t="s">
        <v>1177</v>
      </c>
    </row>
    <row r="494" spans="6:7">
      <c r="F494" s="335" t="s">
        <v>194</v>
      </c>
      <c r="G494" s="340" t="s">
        <v>1111</v>
      </c>
    </row>
    <row r="495" spans="6:7">
      <c r="F495" s="335" t="s">
        <v>194</v>
      </c>
      <c r="G495" s="340" t="s">
        <v>1179</v>
      </c>
    </row>
    <row r="496" spans="6:7">
      <c r="F496" s="335" t="s">
        <v>194</v>
      </c>
      <c r="G496" s="340" t="s">
        <v>1142</v>
      </c>
    </row>
    <row r="497" spans="6:7">
      <c r="F497" s="335" t="s">
        <v>194</v>
      </c>
      <c r="G497" s="340" t="s">
        <v>817</v>
      </c>
    </row>
    <row r="498" spans="6:7">
      <c r="F498" s="335" t="s">
        <v>194</v>
      </c>
      <c r="G498" s="340" t="s">
        <v>1182</v>
      </c>
    </row>
    <row r="499" spans="6:7">
      <c r="F499" s="335" t="s">
        <v>194</v>
      </c>
      <c r="G499" s="340" t="s">
        <v>1120</v>
      </c>
    </row>
    <row r="500" spans="6:7">
      <c r="F500" s="335" t="s">
        <v>194</v>
      </c>
      <c r="G500" s="340" t="s">
        <v>1186</v>
      </c>
    </row>
    <row r="501" spans="6:7">
      <c r="F501" s="335" t="s">
        <v>194</v>
      </c>
      <c r="G501" s="340" t="s">
        <v>957</v>
      </c>
    </row>
    <row r="502" spans="6:7">
      <c r="F502" s="335" t="s">
        <v>194</v>
      </c>
      <c r="G502" s="340" t="s">
        <v>752</v>
      </c>
    </row>
    <row r="503" spans="6:7">
      <c r="F503" s="335" t="s">
        <v>194</v>
      </c>
      <c r="G503" s="340" t="s">
        <v>1188</v>
      </c>
    </row>
    <row r="504" spans="6:7">
      <c r="F504" s="335" t="s">
        <v>194</v>
      </c>
      <c r="G504" s="340" t="s">
        <v>275</v>
      </c>
    </row>
    <row r="505" spans="6:7">
      <c r="F505" s="335" t="s">
        <v>194</v>
      </c>
      <c r="G505" s="340" t="s">
        <v>567</v>
      </c>
    </row>
    <row r="506" spans="6:7">
      <c r="F506" s="335" t="s">
        <v>194</v>
      </c>
      <c r="G506" s="340" t="s">
        <v>1190</v>
      </c>
    </row>
    <row r="507" spans="6:7">
      <c r="F507" s="335" t="s">
        <v>194</v>
      </c>
      <c r="G507" s="340" t="s">
        <v>1192</v>
      </c>
    </row>
    <row r="508" spans="6:7">
      <c r="F508" s="335" t="s">
        <v>194</v>
      </c>
      <c r="G508" s="340" t="s">
        <v>660</v>
      </c>
    </row>
    <row r="509" spans="6:7">
      <c r="F509" s="335" t="s">
        <v>194</v>
      </c>
      <c r="G509" s="340" t="s">
        <v>1196</v>
      </c>
    </row>
    <row r="510" spans="6:7">
      <c r="F510" s="335" t="s">
        <v>194</v>
      </c>
      <c r="G510" s="340" t="s">
        <v>1200</v>
      </c>
    </row>
    <row r="511" spans="6:7">
      <c r="F511" s="335" t="s">
        <v>194</v>
      </c>
      <c r="G511" s="340" t="s">
        <v>842</v>
      </c>
    </row>
    <row r="512" spans="6:7">
      <c r="F512" s="335" t="s">
        <v>194</v>
      </c>
      <c r="G512" s="340" t="s">
        <v>193</v>
      </c>
    </row>
    <row r="513" spans="6:7">
      <c r="F513" s="335" t="s">
        <v>194</v>
      </c>
      <c r="G513" s="340" t="s">
        <v>1067</v>
      </c>
    </row>
    <row r="514" spans="6:7">
      <c r="F514" s="335" t="s">
        <v>194</v>
      </c>
      <c r="G514" s="340" t="s">
        <v>1007</v>
      </c>
    </row>
    <row r="515" spans="6:7">
      <c r="F515" s="335" t="s">
        <v>194</v>
      </c>
      <c r="G515" s="340" t="s">
        <v>939</v>
      </c>
    </row>
    <row r="516" spans="6:7">
      <c r="F516" s="335" t="s">
        <v>194</v>
      </c>
      <c r="G516" s="340" t="s">
        <v>872</v>
      </c>
    </row>
    <row r="517" spans="6:7">
      <c r="F517" s="335" t="s">
        <v>194</v>
      </c>
      <c r="G517" s="340" t="s">
        <v>1202</v>
      </c>
    </row>
    <row r="518" spans="6:7">
      <c r="F518" s="335" t="s">
        <v>194</v>
      </c>
      <c r="G518" s="340" t="s">
        <v>1205</v>
      </c>
    </row>
    <row r="519" spans="6:7">
      <c r="F519" s="335" t="s">
        <v>482</v>
      </c>
      <c r="G519" s="340" t="s">
        <v>1208</v>
      </c>
    </row>
    <row r="520" spans="6:7">
      <c r="F520" s="335" t="s">
        <v>482</v>
      </c>
      <c r="G520" s="340" t="s">
        <v>1209</v>
      </c>
    </row>
    <row r="521" spans="6:7">
      <c r="F521" s="335" t="s">
        <v>482</v>
      </c>
      <c r="G521" s="340" t="s">
        <v>577</v>
      </c>
    </row>
    <row r="522" spans="6:7">
      <c r="F522" s="335" t="s">
        <v>482</v>
      </c>
      <c r="G522" s="340" t="s">
        <v>145</v>
      </c>
    </row>
    <row r="523" spans="6:7">
      <c r="F523" s="335" t="s">
        <v>482</v>
      </c>
      <c r="G523" s="340" t="s">
        <v>1180</v>
      </c>
    </row>
    <row r="524" spans="6:7">
      <c r="F524" s="335" t="s">
        <v>482</v>
      </c>
      <c r="G524" s="340" t="s">
        <v>1210</v>
      </c>
    </row>
    <row r="525" spans="6:7">
      <c r="F525" s="335" t="s">
        <v>482</v>
      </c>
      <c r="G525" s="340" t="s">
        <v>1211</v>
      </c>
    </row>
    <row r="526" spans="6:7">
      <c r="F526" s="335" t="s">
        <v>482</v>
      </c>
      <c r="G526" s="340" t="s">
        <v>1212</v>
      </c>
    </row>
    <row r="527" spans="6:7">
      <c r="F527" s="335" t="s">
        <v>482</v>
      </c>
      <c r="G527" s="340" t="s">
        <v>1215</v>
      </c>
    </row>
    <row r="528" spans="6:7">
      <c r="F528" s="335" t="s">
        <v>482</v>
      </c>
      <c r="G528" s="340" t="s">
        <v>572</v>
      </c>
    </row>
    <row r="529" spans="6:7">
      <c r="F529" s="335" t="s">
        <v>482</v>
      </c>
      <c r="G529" s="340" t="s">
        <v>226</v>
      </c>
    </row>
    <row r="530" spans="6:7">
      <c r="F530" s="335" t="s">
        <v>482</v>
      </c>
      <c r="G530" s="340" t="s">
        <v>670</v>
      </c>
    </row>
    <row r="531" spans="6:7">
      <c r="F531" s="335" t="s">
        <v>482</v>
      </c>
      <c r="G531" s="340" t="s">
        <v>156</v>
      </c>
    </row>
    <row r="532" spans="6:7">
      <c r="F532" s="335" t="s">
        <v>482</v>
      </c>
      <c r="G532" s="340" t="s">
        <v>1217</v>
      </c>
    </row>
    <row r="533" spans="6:7">
      <c r="F533" s="335" t="s">
        <v>482</v>
      </c>
      <c r="G533" s="340" t="s">
        <v>1220</v>
      </c>
    </row>
    <row r="534" spans="6:7">
      <c r="F534" s="335" t="s">
        <v>482</v>
      </c>
      <c r="G534" s="340" t="s">
        <v>1221</v>
      </c>
    </row>
    <row r="535" spans="6:7">
      <c r="F535" s="335" t="s">
        <v>482</v>
      </c>
      <c r="G535" s="340" t="s">
        <v>478</v>
      </c>
    </row>
    <row r="536" spans="6:7">
      <c r="F536" s="335" t="s">
        <v>482</v>
      </c>
      <c r="G536" s="340" t="s">
        <v>972</v>
      </c>
    </row>
    <row r="537" spans="6:7">
      <c r="F537" s="335" t="s">
        <v>482</v>
      </c>
      <c r="G537" s="340" t="s">
        <v>776</v>
      </c>
    </row>
    <row r="538" spans="6:7">
      <c r="F538" s="335" t="s">
        <v>482</v>
      </c>
      <c r="G538" s="340" t="s">
        <v>1223</v>
      </c>
    </row>
    <row r="539" spans="6:7">
      <c r="F539" s="335" t="s">
        <v>482</v>
      </c>
      <c r="G539" s="340" t="s">
        <v>1224</v>
      </c>
    </row>
    <row r="540" spans="6:7">
      <c r="F540" s="335" t="s">
        <v>482</v>
      </c>
      <c r="G540" s="340" t="s">
        <v>1226</v>
      </c>
    </row>
    <row r="541" spans="6:7">
      <c r="F541" s="335" t="s">
        <v>482</v>
      </c>
      <c r="G541" s="340" t="s">
        <v>1229</v>
      </c>
    </row>
    <row r="542" spans="6:7">
      <c r="F542" s="335" t="s">
        <v>482</v>
      </c>
      <c r="G542" s="340" t="s">
        <v>1178</v>
      </c>
    </row>
    <row r="543" spans="6:7">
      <c r="F543" s="335" t="s">
        <v>482</v>
      </c>
      <c r="G543" s="340" t="s">
        <v>1230</v>
      </c>
    </row>
    <row r="544" spans="6:7">
      <c r="F544" s="335" t="s">
        <v>482</v>
      </c>
      <c r="G544" s="340" t="s">
        <v>998</v>
      </c>
    </row>
    <row r="545" spans="6:7">
      <c r="F545" s="335" t="s">
        <v>482</v>
      </c>
      <c r="G545" s="340" t="s">
        <v>1143</v>
      </c>
    </row>
    <row r="546" spans="6:7">
      <c r="F546" s="335" t="s">
        <v>482</v>
      </c>
      <c r="G546" s="340" t="s">
        <v>1232</v>
      </c>
    </row>
    <row r="547" spans="6:7">
      <c r="F547" s="335" t="s">
        <v>482</v>
      </c>
      <c r="G547" s="340" t="s">
        <v>1234</v>
      </c>
    </row>
    <row r="548" spans="6:7">
      <c r="F548" s="335" t="s">
        <v>482</v>
      </c>
      <c r="G548" s="340" t="s">
        <v>1236</v>
      </c>
    </row>
    <row r="549" spans="6:7">
      <c r="F549" s="335" t="s">
        <v>482</v>
      </c>
      <c r="G549" s="340" t="s">
        <v>772</v>
      </c>
    </row>
    <row r="550" spans="6:7">
      <c r="F550" s="335" t="s">
        <v>482</v>
      </c>
      <c r="G550" s="340" t="s">
        <v>1238</v>
      </c>
    </row>
    <row r="551" spans="6:7">
      <c r="F551" s="335" t="s">
        <v>482</v>
      </c>
      <c r="G551" s="340" t="s">
        <v>774</v>
      </c>
    </row>
    <row r="552" spans="6:7">
      <c r="F552" s="335" t="s">
        <v>482</v>
      </c>
      <c r="G552" s="340" t="s">
        <v>1239</v>
      </c>
    </row>
    <row r="553" spans="6:7">
      <c r="F553" s="335" t="s">
        <v>482</v>
      </c>
      <c r="G553" s="340" t="s">
        <v>695</v>
      </c>
    </row>
    <row r="554" spans="6:7">
      <c r="F554" s="335" t="s">
        <v>482</v>
      </c>
      <c r="G554" s="340" t="s">
        <v>947</v>
      </c>
    </row>
    <row r="555" spans="6:7">
      <c r="F555" s="335" t="s">
        <v>482</v>
      </c>
      <c r="G555" s="340" t="s">
        <v>594</v>
      </c>
    </row>
    <row r="556" spans="6:7">
      <c r="F556" s="335" t="s">
        <v>482</v>
      </c>
      <c r="G556" s="340" t="s">
        <v>107</v>
      </c>
    </row>
    <row r="557" spans="6:7">
      <c r="F557" s="335" t="s">
        <v>482</v>
      </c>
      <c r="G557" s="340" t="s">
        <v>479</v>
      </c>
    </row>
    <row r="558" spans="6:7">
      <c r="F558" s="335" t="s">
        <v>482</v>
      </c>
      <c r="G558" s="340" t="s">
        <v>271</v>
      </c>
    </row>
    <row r="559" spans="6:7">
      <c r="F559" s="335" t="s">
        <v>482</v>
      </c>
      <c r="G559" s="340" t="s">
        <v>409</v>
      </c>
    </row>
    <row r="560" spans="6:7">
      <c r="F560" s="335" t="s">
        <v>482</v>
      </c>
      <c r="G560" s="340" t="s">
        <v>205</v>
      </c>
    </row>
    <row r="561" spans="6:7">
      <c r="F561" s="335" t="s">
        <v>482</v>
      </c>
      <c r="G561" s="340" t="s">
        <v>514</v>
      </c>
    </row>
    <row r="562" spans="6:7">
      <c r="F562" s="335" t="s">
        <v>482</v>
      </c>
      <c r="G562" s="340" t="s">
        <v>1241</v>
      </c>
    </row>
    <row r="563" spans="6:7">
      <c r="F563" s="335" t="s">
        <v>482</v>
      </c>
      <c r="G563" s="340" t="s">
        <v>1014</v>
      </c>
    </row>
    <row r="564" spans="6:7">
      <c r="F564" s="335" t="s">
        <v>482</v>
      </c>
      <c r="G564" s="340" t="s">
        <v>367</v>
      </c>
    </row>
    <row r="565" spans="6:7">
      <c r="F565" s="335" t="s">
        <v>482</v>
      </c>
      <c r="G565" s="340" t="s">
        <v>644</v>
      </c>
    </row>
    <row r="566" spans="6:7">
      <c r="F566" s="335" t="s">
        <v>482</v>
      </c>
      <c r="G566" s="340" t="s">
        <v>713</v>
      </c>
    </row>
    <row r="567" spans="6:7">
      <c r="F567" s="335" t="s">
        <v>482</v>
      </c>
      <c r="G567" s="340" t="s">
        <v>64</v>
      </c>
    </row>
    <row r="568" spans="6:7">
      <c r="F568" s="335" t="s">
        <v>482</v>
      </c>
      <c r="G568" s="340" t="s">
        <v>1242</v>
      </c>
    </row>
    <row r="569" spans="6:7">
      <c r="F569" s="335" t="s">
        <v>482</v>
      </c>
      <c r="G569" s="340" t="s">
        <v>804</v>
      </c>
    </row>
    <row r="570" spans="6:7">
      <c r="F570" s="335" t="s">
        <v>482</v>
      </c>
      <c r="G570" s="340" t="s">
        <v>255</v>
      </c>
    </row>
    <row r="571" spans="6:7">
      <c r="F571" s="335" t="s">
        <v>482</v>
      </c>
      <c r="G571" s="340" t="s">
        <v>140</v>
      </c>
    </row>
    <row r="572" spans="6:7">
      <c r="F572" s="335" t="s">
        <v>482</v>
      </c>
      <c r="G572" s="340" t="s">
        <v>1245</v>
      </c>
    </row>
    <row r="573" spans="6:7">
      <c r="F573" s="335" t="s">
        <v>482</v>
      </c>
      <c r="G573" s="340" t="s">
        <v>1213</v>
      </c>
    </row>
    <row r="574" spans="6:7">
      <c r="F574" s="335" t="s">
        <v>482</v>
      </c>
      <c r="G574" s="340" t="s">
        <v>904</v>
      </c>
    </row>
    <row r="575" spans="6:7">
      <c r="F575" s="335" t="s">
        <v>482</v>
      </c>
      <c r="G575" s="340" t="s">
        <v>968</v>
      </c>
    </row>
    <row r="576" spans="6:7">
      <c r="F576" s="335" t="s">
        <v>482</v>
      </c>
      <c r="G576" s="340" t="s">
        <v>834</v>
      </c>
    </row>
    <row r="577" spans="6:7">
      <c r="F577" s="335" t="s">
        <v>482</v>
      </c>
      <c r="G577" s="340" t="s">
        <v>1246</v>
      </c>
    </row>
    <row r="578" spans="6:7">
      <c r="F578" s="335" t="s">
        <v>482</v>
      </c>
      <c r="G578" s="340" t="s">
        <v>1250</v>
      </c>
    </row>
    <row r="579" spans="6:7">
      <c r="F579" s="335" t="s">
        <v>482</v>
      </c>
      <c r="G579" s="340" t="s">
        <v>184</v>
      </c>
    </row>
    <row r="580" spans="6:7">
      <c r="F580" s="335" t="s">
        <v>482</v>
      </c>
      <c r="G580" s="340" t="s">
        <v>1169</v>
      </c>
    </row>
    <row r="581" spans="6:7">
      <c r="F581" s="335" t="s">
        <v>482</v>
      </c>
      <c r="G581" s="340" t="s">
        <v>1175</v>
      </c>
    </row>
    <row r="582" spans="6:7">
      <c r="F582" s="335" t="s">
        <v>488</v>
      </c>
      <c r="G582" s="340" t="s">
        <v>815</v>
      </c>
    </row>
    <row r="583" spans="6:7">
      <c r="F583" s="335" t="s">
        <v>488</v>
      </c>
      <c r="G583" s="340" t="s">
        <v>1252</v>
      </c>
    </row>
    <row r="584" spans="6:7">
      <c r="F584" s="335" t="s">
        <v>488</v>
      </c>
      <c r="G584" s="340" t="s">
        <v>1041</v>
      </c>
    </row>
    <row r="585" spans="6:7">
      <c r="F585" s="335" t="s">
        <v>488</v>
      </c>
      <c r="G585" s="340" t="s">
        <v>1255</v>
      </c>
    </row>
    <row r="586" spans="6:7">
      <c r="F586" s="335" t="s">
        <v>488</v>
      </c>
      <c r="G586" s="340" t="s">
        <v>1013</v>
      </c>
    </row>
    <row r="587" spans="6:7">
      <c r="F587" s="335" t="s">
        <v>488</v>
      </c>
      <c r="G587" s="340" t="s">
        <v>1256</v>
      </c>
    </row>
    <row r="588" spans="6:7">
      <c r="F588" s="335" t="s">
        <v>488</v>
      </c>
      <c r="G588" s="340" t="s">
        <v>291</v>
      </c>
    </row>
    <row r="589" spans="6:7">
      <c r="F589" s="335" t="s">
        <v>488</v>
      </c>
      <c r="G589" s="340" t="s">
        <v>1189</v>
      </c>
    </row>
    <row r="590" spans="6:7">
      <c r="F590" s="335" t="s">
        <v>488</v>
      </c>
      <c r="G590" s="340" t="s">
        <v>1258</v>
      </c>
    </row>
    <row r="591" spans="6:7">
      <c r="F591" s="335" t="s">
        <v>488</v>
      </c>
      <c r="G591" s="340" t="s">
        <v>1091</v>
      </c>
    </row>
    <row r="592" spans="6:7">
      <c r="F592" s="335" t="s">
        <v>488</v>
      </c>
      <c r="G592" s="340" t="s">
        <v>189</v>
      </c>
    </row>
    <row r="593" spans="6:7">
      <c r="F593" s="335" t="s">
        <v>488</v>
      </c>
      <c r="G593" s="340" t="s">
        <v>1260</v>
      </c>
    </row>
    <row r="594" spans="6:7">
      <c r="F594" s="335" t="s">
        <v>488</v>
      </c>
      <c r="G594" s="340" t="s">
        <v>1001</v>
      </c>
    </row>
    <row r="595" spans="6:7">
      <c r="F595" s="335" t="s">
        <v>488</v>
      </c>
      <c r="G595" s="340" t="s">
        <v>1261</v>
      </c>
    </row>
    <row r="596" spans="6:7">
      <c r="F596" s="335" t="s">
        <v>488</v>
      </c>
      <c r="G596" s="340" t="s">
        <v>492</v>
      </c>
    </row>
    <row r="597" spans="6:7">
      <c r="F597" s="335" t="s">
        <v>488</v>
      </c>
      <c r="G597" s="340" t="s">
        <v>1262</v>
      </c>
    </row>
    <row r="598" spans="6:7">
      <c r="F598" s="335" t="s">
        <v>488</v>
      </c>
      <c r="G598" s="340" t="s">
        <v>1263</v>
      </c>
    </row>
    <row r="599" spans="6:7">
      <c r="F599" s="335" t="s">
        <v>488</v>
      </c>
      <c r="G599" s="340" t="s">
        <v>1264</v>
      </c>
    </row>
    <row r="600" spans="6:7">
      <c r="F600" s="335" t="s">
        <v>488</v>
      </c>
      <c r="G600" s="340" t="s">
        <v>1266</v>
      </c>
    </row>
    <row r="601" spans="6:7">
      <c r="F601" s="335" t="s">
        <v>488</v>
      </c>
      <c r="G601" s="340" t="s">
        <v>880</v>
      </c>
    </row>
    <row r="602" spans="6:7">
      <c r="F602" s="335" t="s">
        <v>488</v>
      </c>
      <c r="G602" s="340" t="s">
        <v>1267</v>
      </c>
    </row>
    <row r="603" spans="6:7">
      <c r="F603" s="335" t="s">
        <v>488</v>
      </c>
      <c r="G603" s="340" t="s">
        <v>1268</v>
      </c>
    </row>
    <row r="604" spans="6:7">
      <c r="F604" s="335" t="s">
        <v>488</v>
      </c>
      <c r="G604" s="340" t="s">
        <v>1271</v>
      </c>
    </row>
    <row r="605" spans="6:7">
      <c r="F605" s="335" t="s">
        <v>488</v>
      </c>
      <c r="G605" s="340" t="s">
        <v>141</v>
      </c>
    </row>
    <row r="606" spans="6:7">
      <c r="F606" s="335" t="s">
        <v>488</v>
      </c>
      <c r="G606" s="340" t="s">
        <v>876</v>
      </c>
    </row>
    <row r="607" spans="6:7">
      <c r="F607" s="335" t="s">
        <v>488</v>
      </c>
      <c r="G607" s="340" t="s">
        <v>20</v>
      </c>
    </row>
    <row r="608" spans="6:7">
      <c r="F608" s="335" t="s">
        <v>488</v>
      </c>
      <c r="G608" s="340" t="s">
        <v>267</v>
      </c>
    </row>
    <row r="609" spans="6:7">
      <c r="F609" s="335" t="s">
        <v>488</v>
      </c>
      <c r="G609" s="340" t="s">
        <v>1272</v>
      </c>
    </row>
    <row r="610" spans="6:7">
      <c r="F610" s="335" t="s">
        <v>488</v>
      </c>
      <c r="G610" s="340" t="s">
        <v>527</v>
      </c>
    </row>
    <row r="611" spans="6:7">
      <c r="F611" s="335" t="s">
        <v>488</v>
      </c>
      <c r="G611" s="340" t="s">
        <v>1274</v>
      </c>
    </row>
    <row r="612" spans="6:7">
      <c r="F612" s="335" t="s">
        <v>488</v>
      </c>
      <c r="G612" s="340" t="s">
        <v>1276</v>
      </c>
    </row>
    <row r="613" spans="6:7">
      <c r="F613" s="335" t="s">
        <v>488</v>
      </c>
      <c r="G613" s="340" t="s">
        <v>1277</v>
      </c>
    </row>
    <row r="614" spans="6:7">
      <c r="F614" s="335" t="s">
        <v>488</v>
      </c>
      <c r="G614" s="340" t="s">
        <v>60</v>
      </c>
    </row>
    <row r="615" spans="6:7">
      <c r="F615" s="335" t="s">
        <v>488</v>
      </c>
      <c r="G615" s="340" t="s">
        <v>861</v>
      </c>
    </row>
    <row r="616" spans="6:7">
      <c r="F616" s="335" t="s">
        <v>488</v>
      </c>
      <c r="G616" s="340" t="s">
        <v>466</v>
      </c>
    </row>
    <row r="617" spans="6:7">
      <c r="F617" s="335" t="s">
        <v>488</v>
      </c>
      <c r="G617" s="340" t="s">
        <v>1278</v>
      </c>
    </row>
    <row r="618" spans="6:7">
      <c r="F618" s="335" t="s">
        <v>488</v>
      </c>
      <c r="G618" s="340" t="s">
        <v>1027</v>
      </c>
    </row>
    <row r="619" spans="6:7">
      <c r="F619" s="335" t="s">
        <v>488</v>
      </c>
      <c r="G619" s="340" t="s">
        <v>667</v>
      </c>
    </row>
    <row r="620" spans="6:7">
      <c r="F620" s="335" t="s">
        <v>488</v>
      </c>
      <c r="G620" s="340" t="s">
        <v>1280</v>
      </c>
    </row>
    <row r="621" spans="6:7">
      <c r="F621" s="335" t="s">
        <v>488</v>
      </c>
      <c r="G621" s="340" t="s">
        <v>1282</v>
      </c>
    </row>
    <row r="622" spans="6:7">
      <c r="F622" s="335" t="s">
        <v>488</v>
      </c>
      <c r="G622" s="340" t="s">
        <v>1284</v>
      </c>
    </row>
    <row r="623" spans="6:7">
      <c r="F623" s="335" t="s">
        <v>488</v>
      </c>
      <c r="G623" s="340" t="s">
        <v>394</v>
      </c>
    </row>
    <row r="624" spans="6:7">
      <c r="F624" s="335" t="s">
        <v>488</v>
      </c>
      <c r="G624" s="340" t="s">
        <v>1285</v>
      </c>
    </row>
    <row r="625" spans="6:7">
      <c r="F625" s="335" t="s">
        <v>488</v>
      </c>
      <c r="G625" s="340" t="s">
        <v>1286</v>
      </c>
    </row>
    <row r="626" spans="6:7">
      <c r="F626" s="335" t="s">
        <v>488</v>
      </c>
      <c r="G626" s="340" t="s">
        <v>1287</v>
      </c>
    </row>
    <row r="627" spans="6:7">
      <c r="F627" s="335" t="s">
        <v>488</v>
      </c>
      <c r="G627" s="340" t="s">
        <v>114</v>
      </c>
    </row>
    <row r="628" spans="6:7">
      <c r="F628" s="335" t="s">
        <v>488</v>
      </c>
      <c r="G628" s="340" t="s">
        <v>259</v>
      </c>
    </row>
    <row r="629" spans="6:7">
      <c r="F629" s="335" t="s">
        <v>488</v>
      </c>
      <c r="G629" s="340" t="s">
        <v>179</v>
      </c>
    </row>
    <row r="630" spans="6:7">
      <c r="F630" s="335" t="s">
        <v>488</v>
      </c>
      <c r="G630" s="340" t="s">
        <v>1288</v>
      </c>
    </row>
    <row r="631" spans="6:7">
      <c r="F631" s="335" t="s">
        <v>488</v>
      </c>
      <c r="G631" s="340" t="s">
        <v>1289</v>
      </c>
    </row>
    <row r="632" spans="6:7">
      <c r="F632" s="335" t="s">
        <v>488</v>
      </c>
      <c r="G632" s="340" t="s">
        <v>26</v>
      </c>
    </row>
    <row r="633" spans="6:7">
      <c r="F633" s="335" t="s">
        <v>488</v>
      </c>
      <c r="G633" s="340" t="s">
        <v>783</v>
      </c>
    </row>
    <row r="634" spans="6:7">
      <c r="F634" s="335" t="s">
        <v>488</v>
      </c>
      <c r="G634" s="340" t="s">
        <v>927</v>
      </c>
    </row>
    <row r="635" spans="6:7">
      <c r="F635" s="335" t="s">
        <v>488</v>
      </c>
      <c r="G635" s="340" t="s">
        <v>1203</v>
      </c>
    </row>
    <row r="636" spans="6:7">
      <c r="F636" s="335" t="s">
        <v>38</v>
      </c>
      <c r="G636" s="340" t="s">
        <v>1290</v>
      </c>
    </row>
    <row r="637" spans="6:7">
      <c r="F637" s="335" t="s">
        <v>38</v>
      </c>
      <c r="G637" s="340" t="s">
        <v>59</v>
      </c>
    </row>
    <row r="638" spans="6:7">
      <c r="F638" s="335" t="s">
        <v>38</v>
      </c>
      <c r="G638" s="340" t="s">
        <v>175</v>
      </c>
    </row>
    <row r="639" spans="6:7">
      <c r="F639" s="335" t="s">
        <v>38</v>
      </c>
      <c r="G639" s="340" t="s">
        <v>239</v>
      </c>
    </row>
    <row r="640" spans="6:7">
      <c r="F640" s="335" t="s">
        <v>38</v>
      </c>
      <c r="G640" s="340" t="s">
        <v>222</v>
      </c>
    </row>
    <row r="641" spans="6:7">
      <c r="F641" s="335" t="s">
        <v>38</v>
      </c>
      <c r="G641" s="340" t="s">
        <v>251</v>
      </c>
    </row>
    <row r="642" spans="6:7">
      <c r="F642" s="335" t="s">
        <v>38</v>
      </c>
      <c r="G642" s="340" t="s">
        <v>1291</v>
      </c>
    </row>
    <row r="643" spans="6:7">
      <c r="F643" s="335" t="s">
        <v>38</v>
      </c>
      <c r="G643" s="340" t="s">
        <v>1065</v>
      </c>
    </row>
    <row r="644" spans="6:7">
      <c r="F644" s="335" t="s">
        <v>38</v>
      </c>
      <c r="G644" s="340" t="s">
        <v>210</v>
      </c>
    </row>
    <row r="645" spans="6:7">
      <c r="F645" s="335" t="s">
        <v>38</v>
      </c>
      <c r="G645" s="340" t="s">
        <v>1292</v>
      </c>
    </row>
    <row r="646" spans="6:7">
      <c r="F646" s="335" t="s">
        <v>38</v>
      </c>
      <c r="G646" s="340" t="s">
        <v>1295</v>
      </c>
    </row>
    <row r="647" spans="6:7">
      <c r="F647" s="335" t="s">
        <v>38</v>
      </c>
      <c r="G647" s="340" t="s">
        <v>1296</v>
      </c>
    </row>
    <row r="648" spans="6:7">
      <c r="F648" s="335" t="s">
        <v>38</v>
      </c>
      <c r="G648" s="340" t="s">
        <v>931</v>
      </c>
    </row>
    <row r="649" spans="6:7">
      <c r="F649" s="335" t="s">
        <v>38</v>
      </c>
      <c r="G649" s="340" t="s">
        <v>1297</v>
      </c>
    </row>
    <row r="650" spans="6:7">
      <c r="F650" s="335" t="s">
        <v>38</v>
      </c>
      <c r="G650" s="340" t="s">
        <v>131</v>
      </c>
    </row>
    <row r="651" spans="6:7">
      <c r="F651" s="335" t="s">
        <v>38</v>
      </c>
      <c r="G651" s="340" t="s">
        <v>1298</v>
      </c>
    </row>
    <row r="652" spans="6:7">
      <c r="F652" s="335" t="s">
        <v>38</v>
      </c>
      <c r="G652" s="340" t="s">
        <v>5</v>
      </c>
    </row>
    <row r="653" spans="6:7">
      <c r="F653" s="335" t="s">
        <v>38</v>
      </c>
      <c r="G653" s="340" t="s">
        <v>1299</v>
      </c>
    </row>
    <row r="654" spans="6:7">
      <c r="F654" s="335" t="s">
        <v>38</v>
      </c>
      <c r="G654" s="340" t="s">
        <v>1301</v>
      </c>
    </row>
    <row r="655" spans="6:7">
      <c r="F655" s="335" t="s">
        <v>38</v>
      </c>
      <c r="G655" s="340" t="s">
        <v>1302</v>
      </c>
    </row>
    <row r="656" spans="6:7">
      <c r="F656" s="335" t="s">
        <v>38</v>
      </c>
      <c r="G656" s="340" t="s">
        <v>1248</v>
      </c>
    </row>
    <row r="657" spans="6:7">
      <c r="F657" s="335" t="s">
        <v>38</v>
      </c>
      <c r="G657" s="340" t="s">
        <v>70</v>
      </c>
    </row>
    <row r="658" spans="6:7">
      <c r="F658" s="335" t="s">
        <v>38</v>
      </c>
      <c r="G658" s="340" t="s">
        <v>1033</v>
      </c>
    </row>
    <row r="659" spans="6:7">
      <c r="F659" s="335" t="s">
        <v>38</v>
      </c>
      <c r="G659" s="340" t="s">
        <v>1304</v>
      </c>
    </row>
    <row r="660" spans="6:7">
      <c r="F660" s="335" t="s">
        <v>38</v>
      </c>
      <c r="G660" s="340" t="s">
        <v>753</v>
      </c>
    </row>
    <row r="661" spans="6:7">
      <c r="F661" s="335" t="s">
        <v>38</v>
      </c>
      <c r="G661" s="340" t="s">
        <v>1305</v>
      </c>
    </row>
    <row r="662" spans="6:7">
      <c r="F662" s="335" t="s">
        <v>38</v>
      </c>
      <c r="G662" s="340" t="s">
        <v>563</v>
      </c>
    </row>
    <row r="663" spans="6:7">
      <c r="F663" s="335" t="s">
        <v>38</v>
      </c>
      <c r="G663" s="340" t="s">
        <v>129</v>
      </c>
    </row>
    <row r="664" spans="6:7">
      <c r="F664" s="335" t="s">
        <v>38</v>
      </c>
      <c r="G664" s="340" t="s">
        <v>183</v>
      </c>
    </row>
    <row r="665" spans="6:7">
      <c r="F665" s="335" t="s">
        <v>38</v>
      </c>
      <c r="G665" s="340" t="s">
        <v>1132</v>
      </c>
    </row>
    <row r="666" spans="6:7">
      <c r="F666" s="335" t="s">
        <v>38</v>
      </c>
      <c r="G666" s="340" t="s">
        <v>1306</v>
      </c>
    </row>
    <row r="667" spans="6:7">
      <c r="F667" s="335" t="s">
        <v>38</v>
      </c>
      <c r="G667" s="340" t="s">
        <v>791</v>
      </c>
    </row>
    <row r="668" spans="6:7">
      <c r="F668" s="335" t="s">
        <v>38</v>
      </c>
      <c r="G668" s="340" t="s">
        <v>1307</v>
      </c>
    </row>
    <row r="669" spans="6:7">
      <c r="F669" s="335" t="s">
        <v>38</v>
      </c>
      <c r="G669" s="340" t="s">
        <v>583</v>
      </c>
    </row>
    <row r="670" spans="6:7">
      <c r="F670" s="335" t="s">
        <v>38</v>
      </c>
      <c r="G670" s="340" t="s">
        <v>1310</v>
      </c>
    </row>
    <row r="671" spans="6:7">
      <c r="F671" s="335" t="s">
        <v>38</v>
      </c>
      <c r="G671" s="340" t="s">
        <v>759</v>
      </c>
    </row>
    <row r="672" spans="6:7">
      <c r="F672" s="335" t="s">
        <v>38</v>
      </c>
      <c r="G672" s="340" t="s">
        <v>1313</v>
      </c>
    </row>
    <row r="673" spans="6:7">
      <c r="F673" s="335" t="s">
        <v>38</v>
      </c>
      <c r="G673" s="340" t="s">
        <v>1314</v>
      </c>
    </row>
    <row r="674" spans="6:7">
      <c r="F674" s="335" t="s">
        <v>38</v>
      </c>
      <c r="G674" s="340" t="s">
        <v>1315</v>
      </c>
    </row>
    <row r="675" spans="6:7">
      <c r="F675" s="335" t="s">
        <v>38</v>
      </c>
      <c r="G675" s="340" t="s">
        <v>1253</v>
      </c>
    </row>
    <row r="676" spans="6:7">
      <c r="F676" s="335" t="s">
        <v>38</v>
      </c>
      <c r="G676" s="340" t="s">
        <v>1318</v>
      </c>
    </row>
    <row r="677" spans="6:7">
      <c r="F677" s="335" t="s">
        <v>38</v>
      </c>
      <c r="G677" s="340" t="s">
        <v>331</v>
      </c>
    </row>
    <row r="678" spans="6:7">
      <c r="F678" s="335" t="s">
        <v>38</v>
      </c>
      <c r="G678" s="340" t="s">
        <v>1319</v>
      </c>
    </row>
    <row r="679" spans="6:7">
      <c r="F679" s="335" t="s">
        <v>38</v>
      </c>
      <c r="G679" s="340" t="s">
        <v>1320</v>
      </c>
    </row>
    <row r="680" spans="6:7">
      <c r="F680" s="335" t="s">
        <v>38</v>
      </c>
      <c r="G680" s="340" t="s">
        <v>1322</v>
      </c>
    </row>
    <row r="681" spans="6:7">
      <c r="F681" s="335" t="s">
        <v>38</v>
      </c>
      <c r="G681" s="340" t="s">
        <v>1325</v>
      </c>
    </row>
    <row r="682" spans="6:7">
      <c r="F682" s="335" t="s">
        <v>38</v>
      </c>
      <c r="G682" s="340" t="s">
        <v>1326</v>
      </c>
    </row>
    <row r="683" spans="6:7">
      <c r="F683" s="335" t="s">
        <v>38</v>
      </c>
      <c r="G683" s="340" t="s">
        <v>1328</v>
      </c>
    </row>
    <row r="684" spans="6:7">
      <c r="F684" s="335" t="s">
        <v>38</v>
      </c>
      <c r="G684" s="340" t="s">
        <v>844</v>
      </c>
    </row>
    <row r="685" spans="6:7">
      <c r="F685" s="335" t="s">
        <v>38</v>
      </c>
      <c r="G685" s="340" t="s">
        <v>1152</v>
      </c>
    </row>
    <row r="686" spans="6:7">
      <c r="F686" s="335" t="s">
        <v>38</v>
      </c>
      <c r="G686" s="340" t="s">
        <v>1330</v>
      </c>
    </row>
    <row r="687" spans="6:7">
      <c r="F687" s="335" t="s">
        <v>38</v>
      </c>
      <c r="G687" s="340" t="s">
        <v>1331</v>
      </c>
    </row>
    <row r="688" spans="6:7">
      <c r="F688" s="335" t="s">
        <v>38</v>
      </c>
      <c r="G688" s="340" t="s">
        <v>1332</v>
      </c>
    </row>
    <row r="689" spans="6:7">
      <c r="F689" s="335" t="s">
        <v>38</v>
      </c>
      <c r="G689" s="340" t="s">
        <v>118</v>
      </c>
    </row>
    <row r="690" spans="6:7">
      <c r="F690" s="335" t="s">
        <v>38</v>
      </c>
      <c r="G690" s="340" t="s">
        <v>1061</v>
      </c>
    </row>
    <row r="691" spans="6:7">
      <c r="F691" s="335" t="s">
        <v>38</v>
      </c>
      <c r="G691" s="340" t="s">
        <v>1247</v>
      </c>
    </row>
    <row r="692" spans="6:7">
      <c r="F692" s="335" t="s">
        <v>38</v>
      </c>
      <c r="G692" s="340" t="s">
        <v>1334</v>
      </c>
    </row>
    <row r="693" spans="6:7">
      <c r="F693" s="335" t="s">
        <v>38</v>
      </c>
      <c r="G693" s="340" t="s">
        <v>1336</v>
      </c>
    </row>
    <row r="694" spans="6:7">
      <c r="F694" s="335" t="s">
        <v>38</v>
      </c>
      <c r="G694" s="340" t="s">
        <v>121</v>
      </c>
    </row>
    <row r="695" spans="6:7">
      <c r="F695" s="335" t="s">
        <v>38</v>
      </c>
      <c r="G695" s="340" t="s">
        <v>1338</v>
      </c>
    </row>
    <row r="696" spans="6:7">
      <c r="F696" s="335" t="s">
        <v>38</v>
      </c>
      <c r="G696" s="340" t="s">
        <v>1339</v>
      </c>
    </row>
    <row r="697" spans="6:7">
      <c r="F697" s="335" t="s">
        <v>38</v>
      </c>
      <c r="G697" s="340" t="s">
        <v>1064</v>
      </c>
    </row>
    <row r="698" spans="6:7">
      <c r="F698" s="335" t="s">
        <v>498</v>
      </c>
      <c r="G698" s="340" t="s">
        <v>1225</v>
      </c>
    </row>
    <row r="699" spans="6:7">
      <c r="F699" s="335" t="s">
        <v>498</v>
      </c>
      <c r="G699" s="340" t="s">
        <v>99</v>
      </c>
    </row>
    <row r="700" spans="6:7">
      <c r="F700" s="335" t="s">
        <v>498</v>
      </c>
      <c r="G700" s="340" t="s">
        <v>1341</v>
      </c>
    </row>
    <row r="701" spans="6:7">
      <c r="F701" s="335" t="s">
        <v>498</v>
      </c>
      <c r="G701" s="340" t="s">
        <v>1343</v>
      </c>
    </row>
    <row r="702" spans="6:7">
      <c r="F702" s="335" t="s">
        <v>498</v>
      </c>
      <c r="G702" s="340" t="s">
        <v>1346</v>
      </c>
    </row>
    <row r="703" spans="6:7">
      <c r="F703" s="335" t="s">
        <v>498</v>
      </c>
      <c r="G703" s="340" t="s">
        <v>536</v>
      </c>
    </row>
    <row r="704" spans="6:7">
      <c r="F704" s="335" t="s">
        <v>498</v>
      </c>
      <c r="G704" s="340" t="s">
        <v>955</v>
      </c>
    </row>
    <row r="705" spans="6:7">
      <c r="F705" s="335" t="s">
        <v>498</v>
      </c>
      <c r="G705" s="340" t="s">
        <v>725</v>
      </c>
    </row>
    <row r="706" spans="6:7">
      <c r="F706" s="335" t="s">
        <v>498</v>
      </c>
      <c r="G706" s="340" t="s">
        <v>808</v>
      </c>
    </row>
    <row r="707" spans="6:7">
      <c r="F707" s="335" t="s">
        <v>498</v>
      </c>
      <c r="G707" s="340" t="s">
        <v>1194</v>
      </c>
    </row>
    <row r="708" spans="6:7">
      <c r="F708" s="335" t="s">
        <v>498</v>
      </c>
      <c r="G708" s="340" t="s">
        <v>1348</v>
      </c>
    </row>
    <row r="709" spans="6:7">
      <c r="F709" s="335" t="s">
        <v>498</v>
      </c>
      <c r="G709" s="340" t="s">
        <v>2</v>
      </c>
    </row>
    <row r="710" spans="6:7">
      <c r="F710" s="335" t="s">
        <v>498</v>
      </c>
      <c r="G710" s="340" t="s">
        <v>1349</v>
      </c>
    </row>
    <row r="711" spans="6:7">
      <c r="F711" s="335" t="s">
        <v>498</v>
      </c>
      <c r="G711" s="340" t="s">
        <v>1350</v>
      </c>
    </row>
    <row r="712" spans="6:7">
      <c r="F712" s="335" t="s">
        <v>498</v>
      </c>
      <c r="G712" s="340" t="s">
        <v>1337</v>
      </c>
    </row>
    <row r="713" spans="6:7">
      <c r="F713" s="335" t="s">
        <v>498</v>
      </c>
      <c r="G713" s="340" t="s">
        <v>1035</v>
      </c>
    </row>
    <row r="714" spans="6:7">
      <c r="F714" s="335" t="s">
        <v>498</v>
      </c>
      <c r="G714" s="340" t="s">
        <v>814</v>
      </c>
    </row>
    <row r="715" spans="6:7">
      <c r="F715" s="335" t="s">
        <v>498</v>
      </c>
      <c r="G715" s="340" t="s">
        <v>1352</v>
      </c>
    </row>
    <row r="716" spans="6:7">
      <c r="F716" s="335" t="s">
        <v>498</v>
      </c>
      <c r="G716" s="340" t="s">
        <v>1340</v>
      </c>
    </row>
    <row r="717" spans="6:7">
      <c r="F717" s="335" t="s">
        <v>498</v>
      </c>
      <c r="G717" s="340" t="s">
        <v>33</v>
      </c>
    </row>
    <row r="718" spans="6:7">
      <c r="F718" s="335" t="s">
        <v>498</v>
      </c>
      <c r="G718" s="340" t="s">
        <v>1157</v>
      </c>
    </row>
    <row r="719" spans="6:7">
      <c r="F719" s="335" t="s">
        <v>498</v>
      </c>
      <c r="G719" s="340" t="s">
        <v>1353</v>
      </c>
    </row>
    <row r="720" spans="6:7">
      <c r="F720" s="335" t="s">
        <v>498</v>
      </c>
      <c r="G720" s="340" t="s">
        <v>847</v>
      </c>
    </row>
    <row r="721" spans="6:7">
      <c r="F721" s="335" t="s">
        <v>498</v>
      </c>
      <c r="G721" s="340" t="s">
        <v>1354</v>
      </c>
    </row>
    <row r="722" spans="6:7">
      <c r="F722" s="335" t="s">
        <v>498</v>
      </c>
      <c r="G722" s="340" t="s">
        <v>1355</v>
      </c>
    </row>
    <row r="723" spans="6:7">
      <c r="F723" s="335" t="s">
        <v>498</v>
      </c>
      <c r="G723" s="340" t="s">
        <v>300</v>
      </c>
    </row>
    <row r="724" spans="6:7">
      <c r="F724" s="335" t="s">
        <v>498</v>
      </c>
      <c r="G724" s="340" t="s">
        <v>1356</v>
      </c>
    </row>
    <row r="725" spans="6:7">
      <c r="F725" s="335" t="s">
        <v>498</v>
      </c>
      <c r="G725" s="340" t="s">
        <v>1357</v>
      </c>
    </row>
    <row r="726" spans="6:7">
      <c r="F726" s="335" t="s">
        <v>498</v>
      </c>
      <c r="G726" s="340" t="s">
        <v>504</v>
      </c>
    </row>
    <row r="727" spans="6:7">
      <c r="F727" s="335" t="s">
        <v>498</v>
      </c>
      <c r="G727" s="340" t="s">
        <v>1358</v>
      </c>
    </row>
    <row r="728" spans="6:7">
      <c r="F728" s="335" t="s">
        <v>498</v>
      </c>
      <c r="G728" s="340" t="s">
        <v>1361</v>
      </c>
    </row>
    <row r="729" spans="6:7">
      <c r="F729" s="335" t="s">
        <v>498</v>
      </c>
      <c r="G729" s="340" t="s">
        <v>1363</v>
      </c>
    </row>
    <row r="730" spans="6:7">
      <c r="F730" s="335" t="s">
        <v>498</v>
      </c>
      <c r="G730" s="340" t="s">
        <v>1148</v>
      </c>
    </row>
    <row r="731" spans="6:7">
      <c r="F731" s="335" t="s">
        <v>340</v>
      </c>
      <c r="G731" s="340" t="s">
        <v>531</v>
      </c>
    </row>
    <row r="732" spans="6:7">
      <c r="F732" s="335" t="s">
        <v>340</v>
      </c>
      <c r="G732" s="340" t="s">
        <v>455</v>
      </c>
    </row>
    <row r="733" spans="6:7">
      <c r="F733" s="335" t="s">
        <v>340</v>
      </c>
      <c r="G733" s="340" t="s">
        <v>964</v>
      </c>
    </row>
    <row r="734" spans="6:7">
      <c r="F734" s="335" t="s">
        <v>340</v>
      </c>
      <c r="G734" s="340" t="s">
        <v>694</v>
      </c>
    </row>
    <row r="735" spans="6:7">
      <c r="F735" s="335" t="s">
        <v>340</v>
      </c>
      <c r="G735" s="340" t="s">
        <v>790</v>
      </c>
    </row>
    <row r="736" spans="6:7">
      <c r="F736" s="335" t="s">
        <v>340</v>
      </c>
      <c r="G736" s="340" t="s">
        <v>1364</v>
      </c>
    </row>
    <row r="737" spans="6:7">
      <c r="F737" s="335" t="s">
        <v>340</v>
      </c>
      <c r="G737" s="340" t="s">
        <v>630</v>
      </c>
    </row>
    <row r="738" spans="6:7">
      <c r="F738" s="335" t="s">
        <v>340</v>
      </c>
      <c r="G738" s="340" t="s">
        <v>220</v>
      </c>
    </row>
    <row r="739" spans="6:7">
      <c r="F739" s="335" t="s">
        <v>340</v>
      </c>
      <c r="G739" s="340" t="s">
        <v>888</v>
      </c>
    </row>
    <row r="740" spans="6:7">
      <c r="F740" s="335" t="s">
        <v>340</v>
      </c>
      <c r="G740" s="340" t="s">
        <v>1227</v>
      </c>
    </row>
    <row r="741" spans="6:7">
      <c r="F741" s="335" t="s">
        <v>340</v>
      </c>
      <c r="G741" s="340" t="s">
        <v>795</v>
      </c>
    </row>
    <row r="742" spans="6:7">
      <c r="F742" s="335" t="s">
        <v>340</v>
      </c>
      <c r="G742" s="340" t="s">
        <v>485</v>
      </c>
    </row>
    <row r="743" spans="6:7">
      <c r="F743" s="335" t="s">
        <v>340</v>
      </c>
      <c r="G743" s="340" t="s">
        <v>1362</v>
      </c>
    </row>
    <row r="744" spans="6:7">
      <c r="F744" s="335" t="s">
        <v>340</v>
      </c>
      <c r="G744" s="340" t="s">
        <v>1365</v>
      </c>
    </row>
    <row r="745" spans="6:7">
      <c r="F745" s="335" t="s">
        <v>340</v>
      </c>
      <c r="G745" s="340" t="s">
        <v>597</v>
      </c>
    </row>
    <row r="746" spans="6:7">
      <c r="F746" s="335" t="s">
        <v>340</v>
      </c>
      <c r="G746" s="340" t="s">
        <v>309</v>
      </c>
    </row>
    <row r="747" spans="6:7">
      <c r="F747" s="335" t="s">
        <v>340</v>
      </c>
      <c r="G747" s="340" t="s">
        <v>1163</v>
      </c>
    </row>
    <row r="748" spans="6:7">
      <c r="F748" s="335" t="s">
        <v>340</v>
      </c>
      <c r="G748" s="340" t="s">
        <v>1367</v>
      </c>
    </row>
    <row r="749" spans="6:7">
      <c r="F749" s="335" t="s">
        <v>340</v>
      </c>
      <c r="G749" s="340" t="s">
        <v>978</v>
      </c>
    </row>
    <row r="750" spans="6:7">
      <c r="F750" s="335" t="s">
        <v>340</v>
      </c>
      <c r="G750" s="340" t="s">
        <v>1368</v>
      </c>
    </row>
    <row r="751" spans="6:7">
      <c r="F751" s="335" t="s">
        <v>340</v>
      </c>
      <c r="G751" s="340" t="s">
        <v>720</v>
      </c>
    </row>
    <row r="752" spans="6:7">
      <c r="F752" s="335" t="s">
        <v>340</v>
      </c>
      <c r="G752" s="340" t="s">
        <v>1237</v>
      </c>
    </row>
    <row r="753" spans="6:7">
      <c r="F753" s="335" t="s">
        <v>340</v>
      </c>
      <c r="G753" s="340" t="s">
        <v>512</v>
      </c>
    </row>
    <row r="754" spans="6:7">
      <c r="F754" s="335" t="s">
        <v>340</v>
      </c>
      <c r="G754" s="340" t="s">
        <v>440</v>
      </c>
    </row>
    <row r="755" spans="6:7">
      <c r="F755" s="335" t="s">
        <v>340</v>
      </c>
      <c r="G755" s="340" t="s">
        <v>1051</v>
      </c>
    </row>
    <row r="756" spans="6:7">
      <c r="F756" s="335" t="s">
        <v>340</v>
      </c>
      <c r="G756" s="340" t="s">
        <v>941</v>
      </c>
    </row>
    <row r="757" spans="6:7">
      <c r="F757" s="335" t="s">
        <v>340</v>
      </c>
      <c r="G757" s="340" t="s">
        <v>973</v>
      </c>
    </row>
    <row r="758" spans="6:7">
      <c r="F758" s="335" t="s">
        <v>340</v>
      </c>
      <c r="G758" s="340" t="s">
        <v>641</v>
      </c>
    </row>
    <row r="759" spans="6:7">
      <c r="F759" s="335" t="s">
        <v>340</v>
      </c>
      <c r="G759" s="340" t="s">
        <v>626</v>
      </c>
    </row>
    <row r="760" spans="6:7">
      <c r="F760" s="335" t="s">
        <v>340</v>
      </c>
      <c r="G760" s="340" t="s">
        <v>119</v>
      </c>
    </row>
    <row r="761" spans="6:7">
      <c r="F761" s="335" t="s">
        <v>513</v>
      </c>
      <c r="G761" s="340" t="s">
        <v>1369</v>
      </c>
    </row>
    <row r="762" spans="6:7">
      <c r="F762" s="335" t="s">
        <v>513</v>
      </c>
      <c r="G762" s="340" t="s">
        <v>1116</v>
      </c>
    </row>
    <row r="763" spans="6:7">
      <c r="F763" s="335" t="s">
        <v>513</v>
      </c>
      <c r="G763" s="340" t="s">
        <v>336</v>
      </c>
    </row>
    <row r="764" spans="6:7">
      <c r="F764" s="335" t="s">
        <v>513</v>
      </c>
      <c r="G764" s="340" t="s">
        <v>422</v>
      </c>
    </row>
    <row r="765" spans="6:7">
      <c r="F765" s="335" t="s">
        <v>513</v>
      </c>
      <c r="G765" s="340" t="s">
        <v>307</v>
      </c>
    </row>
    <row r="766" spans="6:7">
      <c r="F766" s="335" t="s">
        <v>513</v>
      </c>
      <c r="G766" s="340" t="s">
        <v>1317</v>
      </c>
    </row>
    <row r="767" spans="6:7">
      <c r="F767" s="335" t="s">
        <v>513</v>
      </c>
      <c r="G767" s="340" t="s">
        <v>304</v>
      </c>
    </row>
    <row r="768" spans="6:7">
      <c r="F768" s="335" t="s">
        <v>513</v>
      </c>
      <c r="G768" s="340" t="s">
        <v>1243</v>
      </c>
    </row>
    <row r="769" spans="6:7">
      <c r="F769" s="335" t="s">
        <v>513</v>
      </c>
      <c r="G769" s="340" t="s">
        <v>1371</v>
      </c>
    </row>
    <row r="770" spans="6:7">
      <c r="F770" s="335" t="s">
        <v>513</v>
      </c>
      <c r="G770" s="340" t="s">
        <v>1373</v>
      </c>
    </row>
    <row r="771" spans="6:7">
      <c r="F771" s="335" t="s">
        <v>513</v>
      </c>
      <c r="G771" s="340" t="s">
        <v>84</v>
      </c>
    </row>
    <row r="772" spans="6:7">
      <c r="F772" s="335" t="s">
        <v>513</v>
      </c>
      <c r="G772" s="340" t="s">
        <v>1375</v>
      </c>
    </row>
    <row r="773" spans="6:7">
      <c r="F773" s="335" t="s">
        <v>513</v>
      </c>
      <c r="G773" s="340" t="s">
        <v>209</v>
      </c>
    </row>
    <row r="774" spans="6:7">
      <c r="F774" s="335" t="s">
        <v>513</v>
      </c>
      <c r="G774" s="340" t="s">
        <v>1198</v>
      </c>
    </row>
    <row r="775" spans="6:7">
      <c r="F775" s="335" t="s">
        <v>513</v>
      </c>
      <c r="G775" s="340" t="s">
        <v>14</v>
      </c>
    </row>
    <row r="776" spans="6:7">
      <c r="F776" s="335" t="s">
        <v>402</v>
      </c>
      <c r="G776" s="340" t="s">
        <v>1377</v>
      </c>
    </row>
    <row r="777" spans="6:7">
      <c r="F777" s="335" t="s">
        <v>402</v>
      </c>
      <c r="G777" s="340" t="s">
        <v>1378</v>
      </c>
    </row>
    <row r="778" spans="6:7">
      <c r="F778" s="335" t="s">
        <v>402</v>
      </c>
      <c r="G778" s="340" t="s">
        <v>1370</v>
      </c>
    </row>
    <row r="779" spans="6:7">
      <c r="F779" s="335" t="s">
        <v>402</v>
      </c>
      <c r="G779" s="340" t="s">
        <v>315</v>
      </c>
    </row>
    <row r="780" spans="6:7">
      <c r="F780" s="335" t="s">
        <v>402</v>
      </c>
      <c r="G780" s="340" t="s">
        <v>854</v>
      </c>
    </row>
    <row r="781" spans="6:7">
      <c r="F781" s="335" t="s">
        <v>402</v>
      </c>
      <c r="G781" s="340" t="s">
        <v>1366</v>
      </c>
    </row>
    <row r="782" spans="6:7">
      <c r="F782" s="335" t="s">
        <v>402</v>
      </c>
      <c r="G782" s="340" t="s">
        <v>1380</v>
      </c>
    </row>
    <row r="783" spans="6:7">
      <c r="F783" s="335" t="s">
        <v>402</v>
      </c>
      <c r="G783" s="340" t="s">
        <v>1381</v>
      </c>
    </row>
    <row r="784" spans="6:7">
      <c r="F784" s="335" t="s">
        <v>402</v>
      </c>
      <c r="G784" s="340" t="s">
        <v>1383</v>
      </c>
    </row>
    <row r="785" spans="6:7">
      <c r="F785" s="335" t="s">
        <v>402</v>
      </c>
      <c r="G785" s="340" t="s">
        <v>688</v>
      </c>
    </row>
    <row r="786" spans="6:7">
      <c r="F786" s="335" t="s">
        <v>402</v>
      </c>
      <c r="G786" s="340" t="s">
        <v>48</v>
      </c>
    </row>
    <row r="787" spans="6:7">
      <c r="F787" s="335" t="s">
        <v>402</v>
      </c>
      <c r="G787" s="340" t="s">
        <v>1039</v>
      </c>
    </row>
    <row r="788" spans="6:7">
      <c r="F788" s="335" t="s">
        <v>402</v>
      </c>
      <c r="G788" s="340" t="s">
        <v>1384</v>
      </c>
    </row>
    <row r="789" spans="6:7">
      <c r="F789" s="335" t="s">
        <v>402</v>
      </c>
      <c r="G789" s="340" t="s">
        <v>1388</v>
      </c>
    </row>
    <row r="790" spans="6:7">
      <c r="F790" s="335" t="s">
        <v>402</v>
      </c>
      <c r="G790" s="340" t="s">
        <v>21</v>
      </c>
    </row>
    <row r="791" spans="6:7">
      <c r="F791" s="335" t="s">
        <v>402</v>
      </c>
      <c r="G791" s="340" t="s">
        <v>1244</v>
      </c>
    </row>
    <row r="792" spans="6:7">
      <c r="F792" s="335" t="s">
        <v>402</v>
      </c>
      <c r="G792" s="340" t="s">
        <v>1389</v>
      </c>
    </row>
    <row r="793" spans="6:7">
      <c r="F793" s="335" t="s">
        <v>402</v>
      </c>
      <c r="G793" s="340" t="s">
        <v>1391</v>
      </c>
    </row>
    <row r="794" spans="6:7">
      <c r="F794" s="335" t="s">
        <v>402</v>
      </c>
      <c r="G794" s="340" t="s">
        <v>619</v>
      </c>
    </row>
    <row r="795" spans="6:7">
      <c r="F795" s="335" t="s">
        <v>520</v>
      </c>
      <c r="G795" s="340" t="s">
        <v>1321</v>
      </c>
    </row>
    <row r="796" spans="6:7">
      <c r="F796" s="335" t="s">
        <v>520</v>
      </c>
      <c r="G796" s="340" t="s">
        <v>1127</v>
      </c>
    </row>
    <row r="797" spans="6:7">
      <c r="F797" s="335" t="s">
        <v>520</v>
      </c>
      <c r="G797" s="340" t="s">
        <v>1392</v>
      </c>
    </row>
    <row r="798" spans="6:7">
      <c r="F798" s="335" t="s">
        <v>520</v>
      </c>
      <c r="G798" s="340" t="s">
        <v>1387</v>
      </c>
    </row>
    <row r="799" spans="6:7">
      <c r="F799" s="335" t="s">
        <v>520</v>
      </c>
      <c r="G799" s="340" t="s">
        <v>1021</v>
      </c>
    </row>
    <row r="800" spans="6:7">
      <c r="F800" s="335" t="s">
        <v>520</v>
      </c>
      <c r="G800" s="340" t="s">
        <v>570</v>
      </c>
    </row>
    <row r="801" spans="6:7">
      <c r="F801" s="335" t="s">
        <v>520</v>
      </c>
      <c r="G801" s="340" t="s">
        <v>1393</v>
      </c>
    </row>
    <row r="802" spans="6:7">
      <c r="F802" s="335" t="s">
        <v>520</v>
      </c>
      <c r="G802" s="340" t="s">
        <v>1376</v>
      </c>
    </row>
    <row r="803" spans="6:7">
      <c r="F803" s="335" t="s">
        <v>520</v>
      </c>
      <c r="G803" s="340" t="s">
        <v>1394</v>
      </c>
    </row>
    <row r="804" spans="6:7">
      <c r="F804" s="335" t="s">
        <v>520</v>
      </c>
      <c r="G804" s="340" t="s">
        <v>1396</v>
      </c>
    </row>
    <row r="805" spans="6:7">
      <c r="F805" s="335" t="s">
        <v>520</v>
      </c>
      <c r="G805" s="340" t="s">
        <v>346</v>
      </c>
    </row>
    <row r="806" spans="6:7">
      <c r="F806" s="335" t="s">
        <v>520</v>
      </c>
      <c r="G806" s="340" t="s">
        <v>1397</v>
      </c>
    </row>
    <row r="807" spans="6:7">
      <c r="F807" s="335" t="s">
        <v>520</v>
      </c>
      <c r="G807" s="340" t="s">
        <v>103</v>
      </c>
    </row>
    <row r="808" spans="6:7">
      <c r="F808" s="335" t="s">
        <v>520</v>
      </c>
      <c r="G808" s="340" t="s">
        <v>1398</v>
      </c>
    </row>
    <row r="809" spans="6:7">
      <c r="F809" s="335" t="s">
        <v>520</v>
      </c>
      <c r="G809" s="340" t="s">
        <v>538</v>
      </c>
    </row>
    <row r="810" spans="6:7">
      <c r="F810" s="335" t="s">
        <v>520</v>
      </c>
      <c r="G810" s="340" t="s">
        <v>608</v>
      </c>
    </row>
    <row r="811" spans="6:7">
      <c r="F811" s="335" t="s">
        <v>520</v>
      </c>
      <c r="G811" s="340" t="s">
        <v>1399</v>
      </c>
    </row>
    <row r="812" spans="6:7">
      <c r="F812" s="335" t="s">
        <v>526</v>
      </c>
      <c r="G812" s="340" t="s">
        <v>767</v>
      </c>
    </row>
    <row r="813" spans="6:7">
      <c r="F813" s="335" t="s">
        <v>526</v>
      </c>
      <c r="G813" s="340" t="s">
        <v>240</v>
      </c>
    </row>
    <row r="814" spans="6:7">
      <c r="F814" s="335" t="s">
        <v>526</v>
      </c>
      <c r="G814" s="340" t="s">
        <v>1400</v>
      </c>
    </row>
    <row r="815" spans="6:7">
      <c r="F815" s="335" t="s">
        <v>526</v>
      </c>
      <c r="G815" s="340" t="s">
        <v>906</v>
      </c>
    </row>
    <row r="816" spans="6:7">
      <c r="F816" s="335" t="s">
        <v>526</v>
      </c>
      <c r="G816" s="340" t="s">
        <v>1139</v>
      </c>
    </row>
    <row r="817" spans="6:7">
      <c r="F817" s="335" t="s">
        <v>526</v>
      </c>
      <c r="G817" s="340" t="s">
        <v>615</v>
      </c>
    </row>
    <row r="818" spans="6:7">
      <c r="F818" s="335" t="s">
        <v>526</v>
      </c>
      <c r="G818" s="340" t="s">
        <v>1401</v>
      </c>
    </row>
    <row r="819" spans="6:7">
      <c r="F819" s="335" t="s">
        <v>526</v>
      </c>
      <c r="G819" s="340" t="s">
        <v>1403</v>
      </c>
    </row>
    <row r="820" spans="6:7">
      <c r="F820" s="335" t="s">
        <v>526</v>
      </c>
      <c r="G820" s="340" t="s">
        <v>1404</v>
      </c>
    </row>
    <row r="821" spans="6:7">
      <c r="F821" s="335" t="s">
        <v>526</v>
      </c>
      <c r="G821" s="340" t="s">
        <v>1406</v>
      </c>
    </row>
    <row r="822" spans="6:7">
      <c r="F822" s="335" t="s">
        <v>526</v>
      </c>
      <c r="G822" s="340" t="s">
        <v>585</v>
      </c>
    </row>
    <row r="823" spans="6:7">
      <c r="F823" s="335" t="s">
        <v>526</v>
      </c>
      <c r="G823" s="340" t="s">
        <v>360</v>
      </c>
    </row>
    <row r="824" spans="6:7">
      <c r="F824" s="335" t="s">
        <v>526</v>
      </c>
      <c r="G824" s="340" t="s">
        <v>111</v>
      </c>
    </row>
    <row r="825" spans="6:7">
      <c r="F825" s="335" t="s">
        <v>526</v>
      </c>
      <c r="G825" s="340" t="s">
        <v>1386</v>
      </c>
    </row>
    <row r="826" spans="6:7">
      <c r="F826" s="335" t="s">
        <v>526</v>
      </c>
      <c r="G826" s="340" t="s">
        <v>1407</v>
      </c>
    </row>
    <row r="827" spans="6:7">
      <c r="F827" s="335" t="s">
        <v>526</v>
      </c>
      <c r="G827" s="340" t="s">
        <v>431</v>
      </c>
    </row>
    <row r="828" spans="6:7">
      <c r="F828" s="335" t="s">
        <v>526</v>
      </c>
      <c r="G828" s="340" t="s">
        <v>568</v>
      </c>
    </row>
    <row r="829" spans="6:7">
      <c r="F829" s="335" t="s">
        <v>526</v>
      </c>
      <c r="G829" s="340" t="s">
        <v>1410</v>
      </c>
    </row>
    <row r="830" spans="6:7">
      <c r="F830" s="335" t="s">
        <v>526</v>
      </c>
      <c r="G830" s="340" t="s">
        <v>959</v>
      </c>
    </row>
    <row r="831" spans="6:7">
      <c r="F831" s="335" t="s">
        <v>526</v>
      </c>
      <c r="G831" s="340" t="s">
        <v>629</v>
      </c>
    </row>
    <row r="832" spans="6:7">
      <c r="F832" s="335" t="s">
        <v>526</v>
      </c>
      <c r="G832" s="340" t="s">
        <v>1411</v>
      </c>
    </row>
    <row r="833" spans="6:7">
      <c r="F833" s="335" t="s">
        <v>526</v>
      </c>
      <c r="G833" s="340" t="s">
        <v>1412</v>
      </c>
    </row>
    <row r="834" spans="6:7">
      <c r="F834" s="335" t="s">
        <v>526</v>
      </c>
      <c r="G834" s="340" t="s">
        <v>1390</v>
      </c>
    </row>
    <row r="835" spans="6:7">
      <c r="F835" s="335" t="s">
        <v>526</v>
      </c>
      <c r="G835" s="340" t="s">
        <v>1415</v>
      </c>
    </row>
    <row r="836" spans="6:7">
      <c r="F836" s="335" t="s">
        <v>526</v>
      </c>
      <c r="G836" s="340" t="s">
        <v>1416</v>
      </c>
    </row>
    <row r="837" spans="6:7">
      <c r="F837" s="335" t="s">
        <v>526</v>
      </c>
      <c r="G837" s="340" t="s">
        <v>1417</v>
      </c>
    </row>
    <row r="838" spans="6:7">
      <c r="F838" s="335" t="s">
        <v>526</v>
      </c>
      <c r="G838" s="340" t="s">
        <v>1418</v>
      </c>
    </row>
    <row r="839" spans="6:7">
      <c r="F839" s="335" t="s">
        <v>533</v>
      </c>
      <c r="G839" s="340" t="s">
        <v>1055</v>
      </c>
    </row>
    <row r="840" spans="6:7">
      <c r="F840" s="335" t="s">
        <v>533</v>
      </c>
      <c r="G840" s="340" t="s">
        <v>1270</v>
      </c>
    </row>
    <row r="841" spans="6:7">
      <c r="F841" s="335" t="s">
        <v>533</v>
      </c>
      <c r="G841" s="340" t="s">
        <v>286</v>
      </c>
    </row>
    <row r="842" spans="6:7">
      <c r="F842" s="335" t="s">
        <v>533</v>
      </c>
      <c r="G842" s="340" t="s">
        <v>910</v>
      </c>
    </row>
    <row r="843" spans="6:7">
      <c r="F843" s="335" t="s">
        <v>533</v>
      </c>
      <c r="G843" s="340" t="s">
        <v>9</v>
      </c>
    </row>
    <row r="844" spans="6:7">
      <c r="F844" s="335" t="s">
        <v>533</v>
      </c>
      <c r="G844" s="340" t="s">
        <v>1419</v>
      </c>
    </row>
    <row r="845" spans="6:7">
      <c r="F845" s="335" t="s">
        <v>533</v>
      </c>
      <c r="G845" s="340" t="s">
        <v>1078</v>
      </c>
    </row>
    <row r="846" spans="6:7">
      <c r="F846" s="335" t="s">
        <v>533</v>
      </c>
      <c r="G846" s="340" t="s">
        <v>264</v>
      </c>
    </row>
    <row r="847" spans="6:7">
      <c r="F847" s="335" t="s">
        <v>533</v>
      </c>
      <c r="G847" s="340" t="s">
        <v>1233</v>
      </c>
    </row>
    <row r="848" spans="6:7">
      <c r="F848" s="335" t="s">
        <v>533</v>
      </c>
      <c r="G848" s="340" t="s">
        <v>1423</v>
      </c>
    </row>
    <row r="849" spans="6:7">
      <c r="F849" s="335" t="s">
        <v>533</v>
      </c>
      <c r="G849" s="340" t="s">
        <v>1170</v>
      </c>
    </row>
    <row r="850" spans="6:7">
      <c r="F850" s="335" t="s">
        <v>533</v>
      </c>
      <c r="G850" s="340" t="s">
        <v>433</v>
      </c>
    </row>
    <row r="851" spans="6:7">
      <c r="F851" s="335" t="s">
        <v>533</v>
      </c>
      <c r="G851" s="340" t="s">
        <v>1425</v>
      </c>
    </row>
    <row r="852" spans="6:7">
      <c r="F852" s="335" t="s">
        <v>533</v>
      </c>
      <c r="G852" s="340" t="s">
        <v>1426</v>
      </c>
    </row>
    <row r="853" spans="6:7">
      <c r="F853" s="335" t="s">
        <v>533</v>
      </c>
      <c r="G853" s="340" t="s">
        <v>1005</v>
      </c>
    </row>
    <row r="854" spans="6:7">
      <c r="F854" s="335" t="s">
        <v>533</v>
      </c>
      <c r="G854" s="340" t="s">
        <v>524</v>
      </c>
    </row>
    <row r="855" spans="6:7">
      <c r="F855" s="335" t="s">
        <v>533</v>
      </c>
      <c r="G855" s="340" t="s">
        <v>1427</v>
      </c>
    </row>
    <row r="856" spans="6:7">
      <c r="F856" s="335" t="s">
        <v>533</v>
      </c>
      <c r="G856" s="340" t="s">
        <v>51</v>
      </c>
    </row>
    <row r="857" spans="6:7">
      <c r="F857" s="335" t="s">
        <v>533</v>
      </c>
      <c r="G857" s="340" t="s">
        <v>1164</v>
      </c>
    </row>
    <row r="858" spans="6:7">
      <c r="F858" s="335" t="s">
        <v>533</v>
      </c>
      <c r="G858" s="340" t="s">
        <v>1312</v>
      </c>
    </row>
    <row r="859" spans="6:7">
      <c r="F859" s="335" t="s">
        <v>533</v>
      </c>
      <c r="G859" s="340" t="s">
        <v>635</v>
      </c>
    </row>
    <row r="860" spans="6:7">
      <c r="F860" s="335" t="s">
        <v>533</v>
      </c>
      <c r="G860" s="340" t="s">
        <v>957</v>
      </c>
    </row>
    <row r="861" spans="6:7">
      <c r="F861" s="335" t="s">
        <v>533</v>
      </c>
      <c r="G861" s="340" t="s">
        <v>1429</v>
      </c>
    </row>
    <row r="862" spans="6:7">
      <c r="F862" s="335" t="s">
        <v>533</v>
      </c>
      <c r="G862" s="340" t="s">
        <v>1430</v>
      </c>
    </row>
    <row r="863" spans="6:7">
      <c r="F863" s="335" t="s">
        <v>533</v>
      </c>
      <c r="G863" s="340" t="s">
        <v>1422</v>
      </c>
    </row>
    <row r="864" spans="6:7">
      <c r="F864" s="335" t="s">
        <v>533</v>
      </c>
      <c r="G864" s="340" t="s">
        <v>1431</v>
      </c>
    </row>
    <row r="865" spans="6:7">
      <c r="F865" s="335" t="s">
        <v>533</v>
      </c>
      <c r="G865" s="340" t="s">
        <v>1433</v>
      </c>
    </row>
    <row r="866" spans="6:7">
      <c r="F866" s="335" t="s">
        <v>533</v>
      </c>
      <c r="G866" s="340" t="s">
        <v>1434</v>
      </c>
    </row>
    <row r="867" spans="6:7">
      <c r="F867" s="335" t="s">
        <v>533</v>
      </c>
      <c r="G867" s="340" t="s">
        <v>1435</v>
      </c>
    </row>
    <row r="868" spans="6:7">
      <c r="F868" s="335" t="s">
        <v>533</v>
      </c>
      <c r="G868" s="340" t="s">
        <v>1436</v>
      </c>
    </row>
    <row r="869" spans="6:7">
      <c r="F869" s="335" t="s">
        <v>533</v>
      </c>
      <c r="G869" s="340" t="s">
        <v>1438</v>
      </c>
    </row>
    <row r="870" spans="6:7">
      <c r="F870" s="335" t="s">
        <v>533</v>
      </c>
      <c r="G870" s="340" t="s">
        <v>1439</v>
      </c>
    </row>
    <row r="871" spans="6:7">
      <c r="F871" s="335" t="s">
        <v>533</v>
      </c>
      <c r="G871" s="340" t="s">
        <v>1441</v>
      </c>
    </row>
    <row r="872" spans="6:7">
      <c r="F872" s="335" t="s">
        <v>533</v>
      </c>
      <c r="G872" s="340" t="s">
        <v>1444</v>
      </c>
    </row>
    <row r="873" spans="6:7">
      <c r="F873" s="335" t="s">
        <v>533</v>
      </c>
      <c r="G873" s="340" t="s">
        <v>1447</v>
      </c>
    </row>
    <row r="874" spans="6:7">
      <c r="F874" s="335" t="s">
        <v>533</v>
      </c>
      <c r="G874" s="340" t="s">
        <v>1449</v>
      </c>
    </row>
    <row r="875" spans="6:7">
      <c r="F875" s="335" t="s">
        <v>533</v>
      </c>
      <c r="G875" s="340" t="s">
        <v>717</v>
      </c>
    </row>
    <row r="876" spans="6:7">
      <c r="F876" s="335" t="s">
        <v>533</v>
      </c>
      <c r="G876" s="340" t="s">
        <v>1451</v>
      </c>
    </row>
    <row r="877" spans="6:7">
      <c r="F877" s="335" t="s">
        <v>533</v>
      </c>
      <c r="G877" s="340" t="s">
        <v>1452</v>
      </c>
    </row>
    <row r="878" spans="6:7">
      <c r="F878" s="335" t="s">
        <v>533</v>
      </c>
      <c r="G878" s="340" t="s">
        <v>1453</v>
      </c>
    </row>
    <row r="879" spans="6:7">
      <c r="F879" s="335" t="s">
        <v>533</v>
      </c>
      <c r="G879" s="340" t="s">
        <v>1454</v>
      </c>
    </row>
    <row r="880" spans="6:7">
      <c r="F880" s="335" t="s">
        <v>533</v>
      </c>
      <c r="G880" s="340" t="s">
        <v>1294</v>
      </c>
    </row>
    <row r="881" spans="6:7">
      <c r="F881" s="335" t="s">
        <v>533</v>
      </c>
      <c r="G881" s="340" t="s">
        <v>588</v>
      </c>
    </row>
    <row r="882" spans="6:7">
      <c r="F882" s="335" t="s">
        <v>533</v>
      </c>
      <c r="G882" s="340" t="s">
        <v>1457</v>
      </c>
    </row>
    <row r="883" spans="6:7">
      <c r="F883" s="335" t="s">
        <v>533</v>
      </c>
      <c r="G883" s="340" t="s">
        <v>190</v>
      </c>
    </row>
    <row r="884" spans="6:7">
      <c r="F884" s="335" t="s">
        <v>533</v>
      </c>
      <c r="G884" s="340" t="s">
        <v>732</v>
      </c>
    </row>
    <row r="885" spans="6:7">
      <c r="F885" s="335" t="s">
        <v>533</v>
      </c>
      <c r="G885" s="340" t="s">
        <v>542</v>
      </c>
    </row>
    <row r="886" spans="6:7">
      <c r="F886" s="335" t="s">
        <v>533</v>
      </c>
      <c r="G886" s="340" t="s">
        <v>1458</v>
      </c>
    </row>
    <row r="887" spans="6:7">
      <c r="F887" s="335" t="s">
        <v>533</v>
      </c>
      <c r="G887" s="340" t="s">
        <v>285</v>
      </c>
    </row>
    <row r="888" spans="6:7">
      <c r="F888" s="335" t="s">
        <v>533</v>
      </c>
      <c r="G888" s="340" t="s">
        <v>1459</v>
      </c>
    </row>
    <row r="889" spans="6:7">
      <c r="F889" s="335" t="s">
        <v>533</v>
      </c>
      <c r="G889" s="340" t="s">
        <v>1275</v>
      </c>
    </row>
    <row r="890" spans="6:7">
      <c r="F890" s="335" t="s">
        <v>533</v>
      </c>
      <c r="G890" s="340" t="s">
        <v>1351</v>
      </c>
    </row>
    <row r="891" spans="6:7">
      <c r="F891" s="335" t="s">
        <v>533</v>
      </c>
      <c r="G891" s="340" t="s">
        <v>1460</v>
      </c>
    </row>
    <row r="892" spans="6:7">
      <c r="F892" s="335" t="s">
        <v>533</v>
      </c>
      <c r="G892" s="340" t="s">
        <v>147</v>
      </c>
    </row>
    <row r="893" spans="6:7">
      <c r="F893" s="335" t="s">
        <v>533</v>
      </c>
      <c r="G893" s="340" t="s">
        <v>108</v>
      </c>
    </row>
    <row r="894" spans="6:7">
      <c r="F894" s="335" t="s">
        <v>533</v>
      </c>
      <c r="G894" s="340" t="s">
        <v>537</v>
      </c>
    </row>
    <row r="895" spans="6:7">
      <c r="F895" s="335" t="s">
        <v>533</v>
      </c>
      <c r="G895" s="340" t="s">
        <v>362</v>
      </c>
    </row>
    <row r="896" spans="6:7">
      <c r="F896" s="335" t="s">
        <v>533</v>
      </c>
      <c r="G896" s="340" t="s">
        <v>1414</v>
      </c>
    </row>
    <row r="897" spans="6:7">
      <c r="F897" s="335" t="s">
        <v>533</v>
      </c>
      <c r="G897" s="340" t="s">
        <v>1462</v>
      </c>
    </row>
    <row r="898" spans="6:7">
      <c r="F898" s="335" t="s">
        <v>533</v>
      </c>
      <c r="G898" s="340" t="s">
        <v>1219</v>
      </c>
    </row>
    <row r="899" spans="6:7">
      <c r="F899" s="335" t="s">
        <v>533</v>
      </c>
      <c r="G899" s="340" t="s">
        <v>1463</v>
      </c>
    </row>
    <row r="900" spans="6:7">
      <c r="F900" s="335" t="s">
        <v>533</v>
      </c>
      <c r="G900" s="340" t="s">
        <v>917</v>
      </c>
    </row>
    <row r="901" spans="6:7">
      <c r="F901" s="335" t="s">
        <v>533</v>
      </c>
      <c r="G901" s="340" t="s">
        <v>1240</v>
      </c>
    </row>
    <row r="902" spans="6:7">
      <c r="F902" s="335" t="s">
        <v>533</v>
      </c>
      <c r="G902" s="340" t="s">
        <v>346</v>
      </c>
    </row>
    <row r="903" spans="6:7">
      <c r="F903" s="335" t="s">
        <v>533</v>
      </c>
      <c r="G903" s="340" t="s">
        <v>1464</v>
      </c>
    </row>
    <row r="904" spans="6:7">
      <c r="F904" s="335" t="s">
        <v>533</v>
      </c>
      <c r="G904" s="340" t="s">
        <v>1465</v>
      </c>
    </row>
    <row r="905" spans="6:7">
      <c r="F905" s="335" t="s">
        <v>533</v>
      </c>
      <c r="G905" s="340" t="s">
        <v>1466</v>
      </c>
    </row>
    <row r="906" spans="6:7">
      <c r="F906" s="335" t="s">
        <v>533</v>
      </c>
      <c r="G906" s="340" t="s">
        <v>1467</v>
      </c>
    </row>
    <row r="907" spans="6:7">
      <c r="F907" s="335" t="s">
        <v>533</v>
      </c>
      <c r="G907" s="340" t="s">
        <v>358</v>
      </c>
    </row>
    <row r="908" spans="6:7">
      <c r="F908" s="335" t="s">
        <v>533</v>
      </c>
      <c r="G908" s="340" t="s">
        <v>1192</v>
      </c>
    </row>
    <row r="909" spans="6:7">
      <c r="F909" s="335" t="s">
        <v>533</v>
      </c>
      <c r="G909" s="340" t="s">
        <v>1469</v>
      </c>
    </row>
    <row r="910" spans="6:7">
      <c r="F910" s="335" t="s">
        <v>533</v>
      </c>
      <c r="G910" s="340" t="s">
        <v>1471</v>
      </c>
    </row>
    <row r="911" spans="6:7">
      <c r="F911" s="335" t="s">
        <v>533</v>
      </c>
      <c r="G911" s="340" t="s">
        <v>1473</v>
      </c>
    </row>
    <row r="912" spans="6:7">
      <c r="F912" s="335" t="s">
        <v>533</v>
      </c>
      <c r="G912" s="340" t="s">
        <v>1125</v>
      </c>
    </row>
    <row r="913" spans="6:7">
      <c r="F913" s="335" t="s">
        <v>533</v>
      </c>
      <c r="G913" s="340" t="s">
        <v>1474</v>
      </c>
    </row>
    <row r="914" spans="6:7">
      <c r="F914" s="335" t="s">
        <v>533</v>
      </c>
      <c r="G914" s="340" t="s">
        <v>298</v>
      </c>
    </row>
    <row r="915" spans="6:7">
      <c r="F915" s="335" t="s">
        <v>533</v>
      </c>
      <c r="G915" s="340" t="s">
        <v>1475</v>
      </c>
    </row>
    <row r="916" spans="6:7">
      <c r="F916" s="335" t="s">
        <v>543</v>
      </c>
      <c r="G916" s="340" t="s">
        <v>1476</v>
      </c>
    </row>
    <row r="917" spans="6:7">
      <c r="F917" s="335" t="s">
        <v>543</v>
      </c>
      <c r="G917" s="340" t="s">
        <v>658</v>
      </c>
    </row>
    <row r="918" spans="6:7">
      <c r="F918" s="335" t="s">
        <v>543</v>
      </c>
      <c r="G918" s="340" t="s">
        <v>1478</v>
      </c>
    </row>
    <row r="919" spans="6:7">
      <c r="F919" s="335" t="s">
        <v>543</v>
      </c>
      <c r="G919" s="340" t="s">
        <v>1479</v>
      </c>
    </row>
    <row r="920" spans="6:7">
      <c r="F920" s="335" t="s">
        <v>543</v>
      </c>
      <c r="G920" s="340" t="s">
        <v>1480</v>
      </c>
    </row>
    <row r="921" spans="6:7">
      <c r="F921" s="335" t="s">
        <v>543</v>
      </c>
      <c r="G921" s="340" t="s">
        <v>1481</v>
      </c>
    </row>
    <row r="922" spans="6:7">
      <c r="F922" s="335" t="s">
        <v>543</v>
      </c>
      <c r="G922" s="340" t="s">
        <v>1483</v>
      </c>
    </row>
    <row r="923" spans="6:7">
      <c r="F923" s="335" t="s">
        <v>543</v>
      </c>
      <c r="G923" s="340" t="s">
        <v>42</v>
      </c>
    </row>
    <row r="924" spans="6:7">
      <c r="F924" s="335" t="s">
        <v>543</v>
      </c>
      <c r="G924" s="340" t="s">
        <v>1484</v>
      </c>
    </row>
    <row r="925" spans="6:7">
      <c r="F925" s="335" t="s">
        <v>543</v>
      </c>
      <c r="G925" s="340" t="s">
        <v>1486</v>
      </c>
    </row>
    <row r="926" spans="6:7">
      <c r="F926" s="335" t="s">
        <v>543</v>
      </c>
      <c r="G926" s="340" t="s">
        <v>1488</v>
      </c>
    </row>
    <row r="927" spans="6:7">
      <c r="F927" s="335" t="s">
        <v>543</v>
      </c>
      <c r="G927" s="340" t="s">
        <v>1489</v>
      </c>
    </row>
    <row r="928" spans="6:7">
      <c r="F928" s="335" t="s">
        <v>543</v>
      </c>
      <c r="G928" s="340" t="s">
        <v>1491</v>
      </c>
    </row>
    <row r="929" spans="6:7">
      <c r="F929" s="335" t="s">
        <v>543</v>
      </c>
      <c r="G929" s="340" t="s">
        <v>1492</v>
      </c>
    </row>
    <row r="930" spans="6:7">
      <c r="F930" s="335" t="s">
        <v>543</v>
      </c>
      <c r="G930" s="340" t="s">
        <v>1493</v>
      </c>
    </row>
    <row r="931" spans="6:7">
      <c r="F931" s="335" t="s">
        <v>543</v>
      </c>
      <c r="G931" s="340" t="s">
        <v>909</v>
      </c>
    </row>
    <row r="932" spans="6:7">
      <c r="F932" s="335" t="s">
        <v>543</v>
      </c>
      <c r="G932" s="340" t="s">
        <v>1251</v>
      </c>
    </row>
    <row r="933" spans="6:7">
      <c r="F933" s="335" t="s">
        <v>543</v>
      </c>
      <c r="G933" s="340" t="s">
        <v>1495</v>
      </c>
    </row>
    <row r="934" spans="6:7">
      <c r="F934" s="335" t="s">
        <v>543</v>
      </c>
      <c r="G934" s="340" t="s">
        <v>1499</v>
      </c>
    </row>
    <row r="935" spans="6:7">
      <c r="F935" s="335" t="s">
        <v>543</v>
      </c>
      <c r="G935" s="340" t="s">
        <v>1501</v>
      </c>
    </row>
    <row r="936" spans="6:7">
      <c r="F936" s="335" t="s">
        <v>543</v>
      </c>
      <c r="G936" s="340" t="s">
        <v>57</v>
      </c>
    </row>
    <row r="937" spans="6:7">
      <c r="F937" s="335" t="s">
        <v>543</v>
      </c>
      <c r="G937" s="340" t="s">
        <v>1494</v>
      </c>
    </row>
    <row r="938" spans="6:7">
      <c r="F938" s="335" t="s">
        <v>543</v>
      </c>
      <c r="G938" s="340" t="s">
        <v>1216</v>
      </c>
    </row>
    <row r="939" spans="6:7">
      <c r="F939" s="335" t="s">
        <v>543</v>
      </c>
      <c r="G939" s="340" t="s">
        <v>74</v>
      </c>
    </row>
    <row r="940" spans="6:7">
      <c r="F940" s="335" t="s">
        <v>543</v>
      </c>
      <c r="G940" s="340" t="s">
        <v>1379</v>
      </c>
    </row>
    <row r="941" spans="6:7">
      <c r="F941" s="335" t="s">
        <v>543</v>
      </c>
      <c r="G941" s="340" t="s">
        <v>1502</v>
      </c>
    </row>
    <row r="942" spans="6:7">
      <c r="F942" s="335" t="s">
        <v>543</v>
      </c>
      <c r="G942" s="340" t="s">
        <v>1503</v>
      </c>
    </row>
    <row r="943" spans="6:7">
      <c r="F943" s="335" t="s">
        <v>543</v>
      </c>
      <c r="G943" s="340" t="s">
        <v>1504</v>
      </c>
    </row>
    <row r="944" spans="6:7">
      <c r="F944" s="335" t="s">
        <v>543</v>
      </c>
      <c r="G944" s="340" t="s">
        <v>37</v>
      </c>
    </row>
    <row r="945" spans="6:7">
      <c r="F945" s="335" t="s">
        <v>543</v>
      </c>
      <c r="G945" s="340" t="s">
        <v>1505</v>
      </c>
    </row>
    <row r="946" spans="6:7">
      <c r="F946" s="335" t="s">
        <v>543</v>
      </c>
      <c r="G946" s="340" t="s">
        <v>1507</v>
      </c>
    </row>
    <row r="947" spans="6:7">
      <c r="F947" s="335" t="s">
        <v>543</v>
      </c>
      <c r="G947" s="340" t="s">
        <v>346</v>
      </c>
    </row>
    <row r="948" spans="6:7">
      <c r="F948" s="335" t="s">
        <v>543</v>
      </c>
      <c r="G948" s="340" t="s">
        <v>1508</v>
      </c>
    </row>
    <row r="949" spans="6:7">
      <c r="F949" s="335" t="s">
        <v>543</v>
      </c>
      <c r="G949" s="340" t="s">
        <v>1509</v>
      </c>
    </row>
    <row r="950" spans="6:7">
      <c r="F950" s="335" t="s">
        <v>543</v>
      </c>
      <c r="G950" s="340" t="s">
        <v>765</v>
      </c>
    </row>
    <row r="951" spans="6:7">
      <c r="F951" s="335" t="s">
        <v>543</v>
      </c>
      <c r="G951" s="340" t="s">
        <v>1510</v>
      </c>
    </row>
    <row r="952" spans="6:7">
      <c r="F952" s="335" t="s">
        <v>543</v>
      </c>
      <c r="G952" s="340" t="s">
        <v>849</v>
      </c>
    </row>
    <row r="953" spans="6:7">
      <c r="F953" s="335" t="s">
        <v>543</v>
      </c>
      <c r="G953" s="340" t="s">
        <v>716</v>
      </c>
    </row>
    <row r="954" spans="6:7">
      <c r="F954" s="335" t="s">
        <v>543</v>
      </c>
      <c r="G954" s="340" t="s">
        <v>1511</v>
      </c>
    </row>
    <row r="955" spans="6:7">
      <c r="F955" s="335" t="s">
        <v>543</v>
      </c>
      <c r="G955" s="340" t="s">
        <v>1512</v>
      </c>
    </row>
    <row r="956" spans="6:7">
      <c r="F956" s="335" t="s">
        <v>543</v>
      </c>
      <c r="G956" s="340" t="s">
        <v>1513</v>
      </c>
    </row>
    <row r="957" spans="6:7">
      <c r="F957" s="335" t="s">
        <v>543</v>
      </c>
      <c r="G957" s="340" t="s">
        <v>180</v>
      </c>
    </row>
    <row r="958" spans="6:7">
      <c r="F958" s="335" t="s">
        <v>223</v>
      </c>
      <c r="G958" s="340" t="s">
        <v>1514</v>
      </c>
    </row>
    <row r="959" spans="6:7">
      <c r="F959" s="335" t="s">
        <v>223</v>
      </c>
      <c r="G959" s="340" t="s">
        <v>1515</v>
      </c>
    </row>
    <row r="960" spans="6:7">
      <c r="F960" s="335" t="s">
        <v>223</v>
      </c>
      <c r="G960" s="340" t="s">
        <v>1437</v>
      </c>
    </row>
    <row r="961" spans="6:7">
      <c r="F961" s="335" t="s">
        <v>223</v>
      </c>
      <c r="G961" s="340" t="s">
        <v>993</v>
      </c>
    </row>
    <row r="962" spans="6:7">
      <c r="F962" s="335" t="s">
        <v>223</v>
      </c>
      <c r="G962" s="340" t="s">
        <v>962</v>
      </c>
    </row>
    <row r="963" spans="6:7">
      <c r="F963" s="335" t="s">
        <v>223</v>
      </c>
      <c r="G963" s="340" t="s">
        <v>365</v>
      </c>
    </row>
    <row r="964" spans="6:7">
      <c r="F964" s="335" t="s">
        <v>223</v>
      </c>
      <c r="G964" s="340" t="s">
        <v>1517</v>
      </c>
    </row>
    <row r="965" spans="6:7">
      <c r="F965" s="335" t="s">
        <v>223</v>
      </c>
      <c r="G965" s="340" t="s">
        <v>1519</v>
      </c>
    </row>
    <row r="966" spans="6:7">
      <c r="F966" s="335" t="s">
        <v>223</v>
      </c>
      <c r="G966" s="340" t="s">
        <v>424</v>
      </c>
    </row>
    <row r="967" spans="6:7">
      <c r="F967" s="335" t="s">
        <v>223</v>
      </c>
      <c r="G967" s="340" t="s">
        <v>1520</v>
      </c>
    </row>
    <row r="968" spans="6:7">
      <c r="F968" s="335" t="s">
        <v>223</v>
      </c>
      <c r="G968" s="340" t="s">
        <v>1521</v>
      </c>
    </row>
    <row r="969" spans="6:7">
      <c r="F969" s="335" t="s">
        <v>223</v>
      </c>
      <c r="G969" s="340" t="s">
        <v>1522</v>
      </c>
    </row>
    <row r="970" spans="6:7">
      <c r="F970" s="335" t="s">
        <v>223</v>
      </c>
      <c r="G970" s="340" t="s">
        <v>1523</v>
      </c>
    </row>
    <row r="971" spans="6:7">
      <c r="F971" s="335" t="s">
        <v>223</v>
      </c>
      <c r="G971" s="340" t="s">
        <v>515</v>
      </c>
    </row>
    <row r="972" spans="6:7">
      <c r="F972" s="335" t="s">
        <v>223</v>
      </c>
      <c r="G972" s="340" t="s">
        <v>1524</v>
      </c>
    </row>
    <row r="973" spans="6:7">
      <c r="F973" s="335" t="s">
        <v>223</v>
      </c>
      <c r="G973" s="340" t="s">
        <v>1525</v>
      </c>
    </row>
    <row r="974" spans="6:7">
      <c r="F974" s="335" t="s">
        <v>223</v>
      </c>
      <c r="G974" s="340" t="s">
        <v>1527</v>
      </c>
    </row>
    <row r="975" spans="6:7">
      <c r="F975" s="335" t="s">
        <v>223</v>
      </c>
      <c r="G975" s="340" t="s">
        <v>162</v>
      </c>
    </row>
    <row r="976" spans="6:7">
      <c r="F976" s="335" t="s">
        <v>223</v>
      </c>
      <c r="G976" s="340" t="s">
        <v>809</v>
      </c>
    </row>
    <row r="977" spans="6:7">
      <c r="F977" s="335" t="s">
        <v>223</v>
      </c>
      <c r="G977" s="340" t="s">
        <v>1529</v>
      </c>
    </row>
    <row r="978" spans="6:7">
      <c r="F978" s="335" t="s">
        <v>223</v>
      </c>
      <c r="G978" s="340" t="s">
        <v>1222</v>
      </c>
    </row>
    <row r="979" spans="6:7">
      <c r="F979" s="335" t="s">
        <v>223</v>
      </c>
      <c r="G979" s="340" t="s">
        <v>1136</v>
      </c>
    </row>
    <row r="980" spans="6:7">
      <c r="F980" s="335" t="s">
        <v>223</v>
      </c>
      <c r="G980" s="340" t="s">
        <v>665</v>
      </c>
    </row>
    <row r="981" spans="6:7">
      <c r="F981" s="335" t="s">
        <v>223</v>
      </c>
      <c r="G981" s="340" t="s">
        <v>1530</v>
      </c>
    </row>
    <row r="982" spans="6:7">
      <c r="F982" s="335" t="s">
        <v>223</v>
      </c>
      <c r="G982" s="340" t="s">
        <v>881</v>
      </c>
    </row>
    <row r="983" spans="6:7">
      <c r="F983" s="335" t="s">
        <v>223</v>
      </c>
      <c r="G983" s="340" t="s">
        <v>125</v>
      </c>
    </row>
    <row r="984" spans="6:7">
      <c r="F984" s="335" t="s">
        <v>223</v>
      </c>
      <c r="G984" s="340" t="s">
        <v>1531</v>
      </c>
    </row>
    <row r="985" spans="6:7">
      <c r="F985" s="335" t="s">
        <v>223</v>
      </c>
      <c r="G985" s="340" t="s">
        <v>1532</v>
      </c>
    </row>
    <row r="986" spans="6:7">
      <c r="F986" s="335" t="s">
        <v>223</v>
      </c>
      <c r="G986" s="340" t="s">
        <v>700</v>
      </c>
    </row>
    <row r="987" spans="6:7">
      <c r="F987" s="335" t="s">
        <v>223</v>
      </c>
      <c r="G987" s="340" t="s">
        <v>810</v>
      </c>
    </row>
    <row r="988" spans="6:7">
      <c r="F988" s="335" t="s">
        <v>223</v>
      </c>
      <c r="G988" s="340" t="s">
        <v>350</v>
      </c>
    </row>
    <row r="989" spans="6:7">
      <c r="F989" s="335" t="s">
        <v>223</v>
      </c>
      <c r="G989" s="340" t="s">
        <v>1533</v>
      </c>
    </row>
    <row r="990" spans="6:7">
      <c r="F990" s="335" t="s">
        <v>223</v>
      </c>
      <c r="G990" s="340" t="s">
        <v>1450</v>
      </c>
    </row>
    <row r="991" spans="6:7">
      <c r="F991" s="335" t="s">
        <v>223</v>
      </c>
      <c r="G991" s="340" t="s">
        <v>1534</v>
      </c>
    </row>
    <row r="992" spans="6:7">
      <c r="F992" s="335" t="s">
        <v>223</v>
      </c>
      <c r="G992" s="340" t="s">
        <v>669</v>
      </c>
    </row>
    <row r="993" spans="6:7">
      <c r="F993" s="335" t="s">
        <v>292</v>
      </c>
      <c r="G993" s="340" t="s">
        <v>446</v>
      </c>
    </row>
    <row r="994" spans="6:7">
      <c r="F994" s="335" t="s">
        <v>292</v>
      </c>
      <c r="G994" s="340" t="s">
        <v>562</v>
      </c>
    </row>
    <row r="995" spans="6:7">
      <c r="F995" s="335" t="s">
        <v>292</v>
      </c>
      <c r="G995" s="340" t="s">
        <v>1468</v>
      </c>
    </row>
    <row r="996" spans="6:7">
      <c r="F996" s="335" t="s">
        <v>292</v>
      </c>
      <c r="G996" s="340" t="s">
        <v>397</v>
      </c>
    </row>
    <row r="997" spans="6:7">
      <c r="F997" s="335" t="s">
        <v>292</v>
      </c>
      <c r="G997" s="340" t="s">
        <v>983</v>
      </c>
    </row>
    <row r="998" spans="6:7">
      <c r="F998" s="335" t="s">
        <v>292</v>
      </c>
      <c r="G998" s="340" t="s">
        <v>290</v>
      </c>
    </row>
    <row r="999" spans="6:7">
      <c r="F999" s="335" t="s">
        <v>292</v>
      </c>
      <c r="G999" s="340" t="s">
        <v>1477</v>
      </c>
    </row>
    <row r="1000" spans="6:7">
      <c r="F1000" s="335" t="s">
        <v>292</v>
      </c>
      <c r="G1000" s="340" t="s">
        <v>1535</v>
      </c>
    </row>
    <row r="1001" spans="6:7">
      <c r="F1001" s="335" t="s">
        <v>292</v>
      </c>
      <c r="G1001" s="340" t="s">
        <v>1536</v>
      </c>
    </row>
    <row r="1002" spans="6:7">
      <c r="F1002" s="335" t="s">
        <v>292</v>
      </c>
      <c r="G1002" s="340" t="s">
        <v>1539</v>
      </c>
    </row>
    <row r="1003" spans="6:7">
      <c r="F1003" s="335" t="s">
        <v>292</v>
      </c>
      <c r="G1003" s="340" t="s">
        <v>1098</v>
      </c>
    </row>
    <row r="1004" spans="6:7">
      <c r="F1004" s="335" t="s">
        <v>292</v>
      </c>
      <c r="G1004" s="340" t="s">
        <v>499</v>
      </c>
    </row>
    <row r="1005" spans="6:7">
      <c r="F1005" s="335" t="s">
        <v>292</v>
      </c>
      <c r="G1005" s="340" t="s">
        <v>1540</v>
      </c>
    </row>
    <row r="1006" spans="6:7">
      <c r="F1006" s="335" t="s">
        <v>292</v>
      </c>
      <c r="G1006" s="340" t="s">
        <v>737</v>
      </c>
    </row>
    <row r="1007" spans="6:7">
      <c r="F1007" s="335" t="s">
        <v>292</v>
      </c>
      <c r="G1007" s="340" t="s">
        <v>1541</v>
      </c>
    </row>
    <row r="1008" spans="6:7">
      <c r="F1008" s="335" t="s">
        <v>292</v>
      </c>
      <c r="G1008" s="340" t="s">
        <v>1542</v>
      </c>
    </row>
    <row r="1009" spans="6:7">
      <c r="F1009" s="335" t="s">
        <v>292</v>
      </c>
      <c r="G1009" s="340" t="s">
        <v>1081</v>
      </c>
    </row>
    <row r="1010" spans="6:7">
      <c r="F1010" s="335" t="s">
        <v>292</v>
      </c>
      <c r="G1010" s="340" t="s">
        <v>1545</v>
      </c>
    </row>
    <row r="1011" spans="6:7">
      <c r="F1011" s="335" t="s">
        <v>292</v>
      </c>
      <c r="G1011" s="340" t="s">
        <v>1093</v>
      </c>
    </row>
    <row r="1012" spans="6:7">
      <c r="F1012" s="335" t="s">
        <v>292</v>
      </c>
      <c r="G1012" s="340" t="s">
        <v>1547</v>
      </c>
    </row>
    <row r="1013" spans="6:7">
      <c r="F1013" s="335" t="s">
        <v>292</v>
      </c>
      <c r="G1013" s="340" t="s">
        <v>1548</v>
      </c>
    </row>
    <row r="1014" spans="6:7">
      <c r="F1014" s="335" t="s">
        <v>292</v>
      </c>
      <c r="G1014" s="340" t="s">
        <v>729</v>
      </c>
    </row>
    <row r="1015" spans="6:7">
      <c r="F1015" s="335" t="s">
        <v>292</v>
      </c>
      <c r="G1015" s="340" t="s">
        <v>381</v>
      </c>
    </row>
    <row r="1016" spans="6:7">
      <c r="F1016" s="335" t="s">
        <v>292</v>
      </c>
      <c r="G1016" s="340" t="s">
        <v>1273</v>
      </c>
    </row>
    <row r="1017" spans="6:7">
      <c r="F1017" s="335" t="s">
        <v>292</v>
      </c>
      <c r="G1017" s="340" t="s">
        <v>1549</v>
      </c>
    </row>
    <row r="1018" spans="6:7">
      <c r="F1018" s="335" t="s">
        <v>292</v>
      </c>
      <c r="G1018" s="340" t="s">
        <v>338</v>
      </c>
    </row>
    <row r="1019" spans="6:7">
      <c r="F1019" s="335" t="s">
        <v>292</v>
      </c>
      <c r="G1019" s="340" t="s">
        <v>1382</v>
      </c>
    </row>
    <row r="1020" spans="6:7">
      <c r="F1020" s="335" t="s">
        <v>292</v>
      </c>
      <c r="G1020" s="340" t="s">
        <v>1550</v>
      </c>
    </row>
    <row r="1021" spans="6:7">
      <c r="F1021" s="335" t="s">
        <v>292</v>
      </c>
      <c r="G1021" s="340" t="s">
        <v>1470</v>
      </c>
    </row>
    <row r="1022" spans="6:7">
      <c r="F1022" s="335" t="s">
        <v>292</v>
      </c>
      <c r="G1022" s="340" t="s">
        <v>1054</v>
      </c>
    </row>
    <row r="1023" spans="6:7">
      <c r="F1023" s="335" t="s">
        <v>292</v>
      </c>
      <c r="G1023" s="340" t="s">
        <v>1551</v>
      </c>
    </row>
    <row r="1024" spans="6:7">
      <c r="F1024" s="335" t="s">
        <v>292</v>
      </c>
      <c r="G1024" s="340" t="s">
        <v>1552</v>
      </c>
    </row>
    <row r="1025" spans="6:7">
      <c r="F1025" s="335" t="s">
        <v>292</v>
      </c>
      <c r="G1025" s="340" t="s">
        <v>1554</v>
      </c>
    </row>
    <row r="1026" spans="6:7">
      <c r="F1026" s="335" t="s">
        <v>292</v>
      </c>
      <c r="G1026" s="340" t="s">
        <v>1002</v>
      </c>
    </row>
    <row r="1027" spans="6:7">
      <c r="F1027" s="335" t="s">
        <v>292</v>
      </c>
      <c r="G1027" s="340" t="s">
        <v>400</v>
      </c>
    </row>
    <row r="1028" spans="6:7">
      <c r="F1028" s="335" t="s">
        <v>292</v>
      </c>
      <c r="G1028" s="340" t="s">
        <v>1235</v>
      </c>
    </row>
    <row r="1029" spans="6:7">
      <c r="F1029" s="335" t="s">
        <v>292</v>
      </c>
      <c r="G1029" s="340" t="s">
        <v>200</v>
      </c>
    </row>
    <row r="1030" spans="6:7">
      <c r="F1030" s="335" t="s">
        <v>292</v>
      </c>
      <c r="G1030" s="340" t="s">
        <v>1555</v>
      </c>
    </row>
    <row r="1031" spans="6:7">
      <c r="F1031" s="335" t="s">
        <v>292</v>
      </c>
      <c r="G1031" s="340" t="s">
        <v>1405</v>
      </c>
    </row>
    <row r="1032" spans="6:7">
      <c r="F1032" s="335" t="s">
        <v>292</v>
      </c>
      <c r="G1032" s="340" t="s">
        <v>1556</v>
      </c>
    </row>
    <row r="1033" spans="6:7">
      <c r="F1033" s="335" t="s">
        <v>292</v>
      </c>
      <c r="G1033" s="340" t="s">
        <v>1557</v>
      </c>
    </row>
    <row r="1034" spans="6:7">
      <c r="F1034" s="335" t="s">
        <v>292</v>
      </c>
      <c r="G1034" s="340" t="s">
        <v>1558</v>
      </c>
    </row>
    <row r="1035" spans="6:7">
      <c r="F1035" s="335" t="s">
        <v>292</v>
      </c>
      <c r="G1035" s="340" t="s">
        <v>1546</v>
      </c>
    </row>
    <row r="1036" spans="6:7">
      <c r="F1036" s="335" t="s">
        <v>292</v>
      </c>
      <c r="G1036" s="340" t="s">
        <v>811</v>
      </c>
    </row>
    <row r="1037" spans="6:7">
      <c r="F1037" s="335" t="s">
        <v>292</v>
      </c>
      <c r="G1037" s="340" t="s">
        <v>623</v>
      </c>
    </row>
    <row r="1038" spans="6:7">
      <c r="F1038" s="335" t="s">
        <v>292</v>
      </c>
      <c r="G1038" s="340" t="s">
        <v>1559</v>
      </c>
    </row>
    <row r="1039" spans="6:7">
      <c r="F1039" s="335" t="s">
        <v>292</v>
      </c>
      <c r="G1039" s="340" t="s">
        <v>1004</v>
      </c>
    </row>
    <row r="1040" spans="6:7">
      <c r="F1040" s="335" t="s">
        <v>292</v>
      </c>
      <c r="G1040" s="340" t="s">
        <v>1443</v>
      </c>
    </row>
    <row r="1041" spans="6:7">
      <c r="F1041" s="335" t="s">
        <v>292</v>
      </c>
      <c r="G1041" s="340" t="s">
        <v>1398</v>
      </c>
    </row>
    <row r="1042" spans="6:7">
      <c r="F1042" s="335" t="s">
        <v>292</v>
      </c>
      <c r="G1042" s="340" t="s">
        <v>1560</v>
      </c>
    </row>
    <row r="1043" spans="6:7">
      <c r="F1043" s="335" t="s">
        <v>292</v>
      </c>
      <c r="G1043" s="340" t="s">
        <v>256</v>
      </c>
    </row>
    <row r="1044" spans="6:7">
      <c r="F1044" s="335" t="s">
        <v>292</v>
      </c>
      <c r="G1044" s="340" t="s">
        <v>1561</v>
      </c>
    </row>
    <row r="1045" spans="6:7">
      <c r="F1045" s="335" t="s">
        <v>292</v>
      </c>
      <c r="G1045" s="340" t="s">
        <v>1133</v>
      </c>
    </row>
    <row r="1046" spans="6:7">
      <c r="F1046" s="335" t="s">
        <v>292</v>
      </c>
      <c r="G1046" s="340" t="s">
        <v>1562</v>
      </c>
    </row>
    <row r="1047" spans="6:7">
      <c r="F1047" s="335" t="s">
        <v>557</v>
      </c>
      <c r="G1047" s="340" t="s">
        <v>1333</v>
      </c>
    </row>
    <row r="1048" spans="6:7">
      <c r="F1048" s="335" t="s">
        <v>557</v>
      </c>
      <c r="G1048" s="340" t="s">
        <v>1199</v>
      </c>
    </row>
    <row r="1049" spans="6:7">
      <c r="F1049" s="335" t="s">
        <v>557</v>
      </c>
      <c r="G1049" s="340" t="s">
        <v>707</v>
      </c>
    </row>
    <row r="1050" spans="6:7">
      <c r="F1050" s="335" t="s">
        <v>557</v>
      </c>
      <c r="G1050" s="340" t="s">
        <v>1563</v>
      </c>
    </row>
    <row r="1051" spans="6:7">
      <c r="F1051" s="335" t="s">
        <v>557</v>
      </c>
      <c r="G1051" s="340" t="s">
        <v>1564</v>
      </c>
    </row>
    <row r="1052" spans="6:7">
      <c r="F1052" s="335" t="s">
        <v>557</v>
      </c>
      <c r="G1052" s="340" t="s">
        <v>1565</v>
      </c>
    </row>
    <row r="1053" spans="6:7">
      <c r="F1053" s="335" t="s">
        <v>557</v>
      </c>
      <c r="G1053" s="340" t="s">
        <v>1123</v>
      </c>
    </row>
    <row r="1054" spans="6:7">
      <c r="F1054" s="335" t="s">
        <v>557</v>
      </c>
      <c r="G1054" s="340" t="s">
        <v>1566</v>
      </c>
    </row>
    <row r="1055" spans="6:7">
      <c r="F1055" s="335" t="s">
        <v>557</v>
      </c>
      <c r="G1055" s="340" t="s">
        <v>1567</v>
      </c>
    </row>
    <row r="1056" spans="6:7">
      <c r="F1056" s="335" t="s">
        <v>557</v>
      </c>
      <c r="G1056" s="340" t="s">
        <v>894</v>
      </c>
    </row>
    <row r="1057" spans="6:7">
      <c r="F1057" s="335" t="s">
        <v>557</v>
      </c>
      <c r="G1057" s="340" t="s">
        <v>1185</v>
      </c>
    </row>
    <row r="1058" spans="6:7">
      <c r="F1058" s="335" t="s">
        <v>557</v>
      </c>
      <c r="G1058" s="340" t="s">
        <v>1568</v>
      </c>
    </row>
    <row r="1059" spans="6:7">
      <c r="F1059" s="335" t="s">
        <v>557</v>
      </c>
      <c r="G1059" s="340" t="s">
        <v>278</v>
      </c>
    </row>
    <row r="1060" spans="6:7">
      <c r="F1060" s="335" t="s">
        <v>557</v>
      </c>
      <c r="G1060" s="340" t="s">
        <v>1569</v>
      </c>
    </row>
    <row r="1061" spans="6:7">
      <c r="F1061" s="335" t="s">
        <v>557</v>
      </c>
      <c r="G1061" s="340" t="s">
        <v>1570</v>
      </c>
    </row>
    <row r="1062" spans="6:7">
      <c r="F1062" s="335" t="s">
        <v>557</v>
      </c>
      <c r="G1062" s="340" t="s">
        <v>1036</v>
      </c>
    </row>
    <row r="1063" spans="6:7">
      <c r="F1063" s="335" t="s">
        <v>557</v>
      </c>
      <c r="G1063" s="340" t="s">
        <v>923</v>
      </c>
    </row>
    <row r="1064" spans="6:7">
      <c r="F1064" s="335" t="s">
        <v>557</v>
      </c>
      <c r="G1064" s="340" t="s">
        <v>14</v>
      </c>
    </row>
    <row r="1065" spans="6:7">
      <c r="F1065" s="335" t="s">
        <v>557</v>
      </c>
      <c r="G1065" s="340" t="s">
        <v>832</v>
      </c>
    </row>
    <row r="1066" spans="6:7">
      <c r="F1066" s="335" t="s">
        <v>557</v>
      </c>
      <c r="G1066" s="340" t="s">
        <v>1571</v>
      </c>
    </row>
    <row r="1067" spans="6:7">
      <c r="F1067" s="335" t="s">
        <v>557</v>
      </c>
      <c r="G1067" s="340" t="s">
        <v>939</v>
      </c>
    </row>
    <row r="1068" spans="6:7">
      <c r="F1068" s="335" t="s">
        <v>557</v>
      </c>
      <c r="G1068" s="340" t="s">
        <v>1573</v>
      </c>
    </row>
    <row r="1069" spans="6:7">
      <c r="F1069" s="335" t="s">
        <v>557</v>
      </c>
      <c r="G1069" s="340" t="s">
        <v>925</v>
      </c>
    </row>
    <row r="1070" spans="6:7">
      <c r="F1070" s="335" t="s">
        <v>557</v>
      </c>
      <c r="G1070" s="340" t="s">
        <v>1487</v>
      </c>
    </row>
    <row r="1071" spans="6:7">
      <c r="F1071" s="335" t="s">
        <v>557</v>
      </c>
      <c r="G1071" s="340" t="s">
        <v>1574</v>
      </c>
    </row>
    <row r="1072" spans="6:7">
      <c r="F1072" s="335" t="s">
        <v>557</v>
      </c>
      <c r="G1072" s="340" t="s">
        <v>1575</v>
      </c>
    </row>
    <row r="1073" spans="6:7">
      <c r="F1073" s="335" t="s">
        <v>557</v>
      </c>
      <c r="G1073" s="340" t="s">
        <v>1576</v>
      </c>
    </row>
    <row r="1074" spans="6:7">
      <c r="F1074" s="335" t="s">
        <v>557</v>
      </c>
      <c r="G1074" s="340" t="s">
        <v>337</v>
      </c>
    </row>
    <row r="1075" spans="6:7">
      <c r="F1075" s="335" t="s">
        <v>557</v>
      </c>
      <c r="G1075" s="340" t="s">
        <v>1577</v>
      </c>
    </row>
    <row r="1076" spans="6:7">
      <c r="F1076" s="335" t="s">
        <v>569</v>
      </c>
      <c r="G1076" s="340" t="s">
        <v>1579</v>
      </c>
    </row>
    <row r="1077" spans="6:7">
      <c r="F1077" s="335" t="s">
        <v>569</v>
      </c>
      <c r="G1077" s="340" t="s">
        <v>1580</v>
      </c>
    </row>
    <row r="1078" spans="6:7">
      <c r="F1078" s="335" t="s">
        <v>569</v>
      </c>
      <c r="G1078" s="340" t="s">
        <v>950</v>
      </c>
    </row>
    <row r="1079" spans="6:7">
      <c r="F1079" s="335" t="s">
        <v>569</v>
      </c>
      <c r="G1079" s="340" t="s">
        <v>580</v>
      </c>
    </row>
    <row r="1080" spans="6:7">
      <c r="F1080" s="335" t="s">
        <v>569</v>
      </c>
      <c r="G1080" s="340" t="s">
        <v>117</v>
      </c>
    </row>
    <row r="1081" spans="6:7">
      <c r="F1081" s="335" t="s">
        <v>569</v>
      </c>
      <c r="G1081" s="340" t="s">
        <v>1103</v>
      </c>
    </row>
    <row r="1082" spans="6:7">
      <c r="F1082" s="335" t="s">
        <v>569</v>
      </c>
      <c r="G1082" s="340" t="s">
        <v>1440</v>
      </c>
    </row>
    <row r="1083" spans="6:7">
      <c r="F1083" s="335" t="s">
        <v>569</v>
      </c>
      <c r="G1083" s="340" t="s">
        <v>1023</v>
      </c>
    </row>
    <row r="1084" spans="6:7">
      <c r="F1084" s="335" t="s">
        <v>569</v>
      </c>
      <c r="G1084" s="340" t="s">
        <v>1581</v>
      </c>
    </row>
    <row r="1085" spans="6:7">
      <c r="F1085" s="335" t="s">
        <v>569</v>
      </c>
      <c r="G1085" s="340" t="s">
        <v>1584</v>
      </c>
    </row>
    <row r="1086" spans="6:7">
      <c r="F1086" s="335" t="s">
        <v>569</v>
      </c>
      <c r="G1086" s="340" t="s">
        <v>1309</v>
      </c>
    </row>
    <row r="1087" spans="6:7">
      <c r="F1087" s="335" t="s">
        <v>569</v>
      </c>
      <c r="G1087" s="340" t="s">
        <v>1585</v>
      </c>
    </row>
    <row r="1088" spans="6:7">
      <c r="F1088" s="335" t="s">
        <v>569</v>
      </c>
      <c r="G1088" s="340" t="s">
        <v>1587</v>
      </c>
    </row>
    <row r="1089" spans="6:7">
      <c r="F1089" s="335" t="s">
        <v>569</v>
      </c>
      <c r="G1089" s="340" t="s">
        <v>1588</v>
      </c>
    </row>
    <row r="1090" spans="6:7">
      <c r="F1090" s="335" t="s">
        <v>569</v>
      </c>
      <c r="G1090" s="340" t="s">
        <v>1518</v>
      </c>
    </row>
    <row r="1091" spans="6:7">
      <c r="F1091" s="335" t="s">
        <v>569</v>
      </c>
      <c r="G1091" s="340" t="s">
        <v>1590</v>
      </c>
    </row>
    <row r="1092" spans="6:7">
      <c r="F1092" s="335" t="s">
        <v>569</v>
      </c>
      <c r="G1092" s="340" t="s">
        <v>1589</v>
      </c>
    </row>
    <row r="1093" spans="6:7">
      <c r="F1093" s="335" t="s">
        <v>569</v>
      </c>
      <c r="G1093" s="340" t="s">
        <v>1591</v>
      </c>
    </row>
    <row r="1094" spans="6:7">
      <c r="F1094" s="335" t="s">
        <v>569</v>
      </c>
      <c r="G1094" s="340" t="s">
        <v>1592</v>
      </c>
    </row>
    <row r="1095" spans="6:7">
      <c r="F1095" s="335" t="s">
        <v>377</v>
      </c>
      <c r="G1095" s="340" t="s">
        <v>816</v>
      </c>
    </row>
    <row r="1096" spans="6:7">
      <c r="F1096" s="335" t="s">
        <v>377</v>
      </c>
      <c r="G1096" s="340" t="s">
        <v>1060</v>
      </c>
    </row>
    <row r="1097" spans="6:7">
      <c r="F1097" s="335" t="s">
        <v>377</v>
      </c>
      <c r="G1097" s="340" t="s">
        <v>1593</v>
      </c>
    </row>
    <row r="1098" spans="6:7">
      <c r="F1098" s="335" t="s">
        <v>377</v>
      </c>
      <c r="G1098" s="340" t="s">
        <v>1594</v>
      </c>
    </row>
    <row r="1099" spans="6:7">
      <c r="F1099" s="335" t="s">
        <v>377</v>
      </c>
      <c r="G1099" s="340" t="s">
        <v>1595</v>
      </c>
    </row>
    <row r="1100" spans="6:7">
      <c r="F1100" s="335" t="s">
        <v>377</v>
      </c>
      <c r="G1100" s="340" t="s">
        <v>1596</v>
      </c>
    </row>
    <row r="1101" spans="6:7">
      <c r="F1101" s="335" t="s">
        <v>377</v>
      </c>
      <c r="G1101" s="340" t="s">
        <v>1131</v>
      </c>
    </row>
    <row r="1102" spans="6:7">
      <c r="F1102" s="335" t="s">
        <v>377</v>
      </c>
      <c r="G1102" s="340" t="s">
        <v>1597</v>
      </c>
    </row>
    <row r="1103" spans="6:7">
      <c r="F1103" s="335" t="s">
        <v>377</v>
      </c>
      <c r="G1103" s="340" t="s">
        <v>548</v>
      </c>
    </row>
    <row r="1104" spans="6:7">
      <c r="F1104" s="335" t="s">
        <v>377</v>
      </c>
      <c r="G1104" s="340" t="s">
        <v>1598</v>
      </c>
    </row>
    <row r="1105" spans="6:7">
      <c r="F1105" s="335" t="s">
        <v>377</v>
      </c>
      <c r="G1105" s="340" t="s">
        <v>63</v>
      </c>
    </row>
    <row r="1106" spans="6:7">
      <c r="F1106" s="335" t="s">
        <v>377</v>
      </c>
      <c r="G1106" s="340" t="s">
        <v>1600</v>
      </c>
    </row>
    <row r="1107" spans="6:7">
      <c r="F1107" s="335" t="s">
        <v>377</v>
      </c>
      <c r="G1107" s="340" t="s">
        <v>1191</v>
      </c>
    </row>
    <row r="1108" spans="6:7">
      <c r="F1108" s="335" t="s">
        <v>377</v>
      </c>
      <c r="G1108" s="340" t="s">
        <v>1409</v>
      </c>
    </row>
    <row r="1109" spans="6:7">
      <c r="F1109" s="335" t="s">
        <v>377</v>
      </c>
      <c r="G1109" s="340" t="s">
        <v>1601</v>
      </c>
    </row>
    <row r="1110" spans="6:7">
      <c r="F1110" s="335" t="s">
        <v>377</v>
      </c>
      <c r="G1110" s="340" t="s">
        <v>1602</v>
      </c>
    </row>
    <row r="1111" spans="6:7">
      <c r="F1111" s="335" t="s">
        <v>377</v>
      </c>
      <c r="G1111" s="340" t="s">
        <v>1603</v>
      </c>
    </row>
    <row r="1112" spans="6:7">
      <c r="F1112" s="335" t="s">
        <v>377</v>
      </c>
      <c r="G1112" s="340" t="s">
        <v>1057</v>
      </c>
    </row>
    <row r="1113" spans="6:7">
      <c r="F1113" s="335" t="s">
        <v>377</v>
      </c>
      <c r="G1113" s="340" t="s">
        <v>1184</v>
      </c>
    </row>
    <row r="1114" spans="6:7">
      <c r="F1114" s="335" t="s">
        <v>377</v>
      </c>
      <c r="G1114" s="340" t="s">
        <v>1604</v>
      </c>
    </row>
    <row r="1115" spans="6:7">
      <c r="F1115" s="335" t="s">
        <v>377</v>
      </c>
      <c r="G1115" s="340" t="s">
        <v>1605</v>
      </c>
    </row>
    <row r="1116" spans="6:7">
      <c r="F1116" s="335" t="s">
        <v>377</v>
      </c>
      <c r="G1116" s="340" t="s">
        <v>1606</v>
      </c>
    </row>
    <row r="1117" spans="6:7">
      <c r="F1117" s="335" t="s">
        <v>377</v>
      </c>
      <c r="G1117" s="340" t="s">
        <v>1607</v>
      </c>
    </row>
    <row r="1118" spans="6:7">
      <c r="F1118" s="335" t="s">
        <v>377</v>
      </c>
      <c r="G1118" s="340" t="s">
        <v>807</v>
      </c>
    </row>
    <row r="1119" spans="6:7">
      <c r="F1119" s="335" t="s">
        <v>377</v>
      </c>
      <c r="G1119" s="340" t="s">
        <v>614</v>
      </c>
    </row>
    <row r="1120" spans="6:7">
      <c r="F1120" s="335" t="s">
        <v>377</v>
      </c>
      <c r="G1120" s="340" t="s">
        <v>1608</v>
      </c>
    </row>
    <row r="1121" spans="6:7">
      <c r="F1121" s="335" t="s">
        <v>576</v>
      </c>
      <c r="G1121" s="340" t="s">
        <v>248</v>
      </c>
    </row>
    <row r="1122" spans="6:7">
      <c r="F1122" s="335" t="s">
        <v>576</v>
      </c>
      <c r="G1122" s="340" t="s">
        <v>212</v>
      </c>
    </row>
    <row r="1123" spans="6:7">
      <c r="F1123" s="335" t="s">
        <v>576</v>
      </c>
      <c r="G1123" s="340" t="s">
        <v>1609</v>
      </c>
    </row>
    <row r="1124" spans="6:7">
      <c r="F1124" s="335" t="s">
        <v>576</v>
      </c>
      <c r="G1124" s="340" t="s">
        <v>900</v>
      </c>
    </row>
    <row r="1125" spans="6:7">
      <c r="F1125" s="335" t="s">
        <v>576</v>
      </c>
      <c r="G1125" s="340" t="s">
        <v>1610</v>
      </c>
    </row>
    <row r="1126" spans="6:7">
      <c r="F1126" s="335" t="s">
        <v>576</v>
      </c>
      <c r="G1126" s="340" t="s">
        <v>736</v>
      </c>
    </row>
    <row r="1127" spans="6:7">
      <c r="F1127" s="335" t="s">
        <v>576</v>
      </c>
      <c r="G1127" s="340" t="s">
        <v>301</v>
      </c>
    </row>
    <row r="1128" spans="6:7">
      <c r="F1128" s="335" t="s">
        <v>576</v>
      </c>
      <c r="G1128" s="340" t="s">
        <v>1612</v>
      </c>
    </row>
    <row r="1129" spans="6:7">
      <c r="F1129" s="335" t="s">
        <v>576</v>
      </c>
      <c r="G1129" s="340" t="s">
        <v>1000</v>
      </c>
    </row>
    <row r="1130" spans="6:7">
      <c r="F1130" s="335" t="s">
        <v>576</v>
      </c>
      <c r="G1130" s="340" t="s">
        <v>1613</v>
      </c>
    </row>
    <row r="1131" spans="6:7">
      <c r="F1131" s="335" t="s">
        <v>576</v>
      </c>
      <c r="G1131" s="340" t="s">
        <v>1614</v>
      </c>
    </row>
    <row r="1132" spans="6:7">
      <c r="F1132" s="335" t="s">
        <v>576</v>
      </c>
      <c r="G1132" s="340" t="s">
        <v>1615</v>
      </c>
    </row>
    <row r="1133" spans="6:7">
      <c r="F1133" s="335" t="s">
        <v>576</v>
      </c>
      <c r="G1133" s="340" t="s">
        <v>1616</v>
      </c>
    </row>
    <row r="1134" spans="6:7">
      <c r="F1134" s="335" t="s">
        <v>576</v>
      </c>
      <c r="G1134" s="340" t="s">
        <v>1618</v>
      </c>
    </row>
    <row r="1135" spans="6:7">
      <c r="F1135" s="335" t="s">
        <v>576</v>
      </c>
      <c r="G1135" s="340" t="s">
        <v>1342</v>
      </c>
    </row>
    <row r="1136" spans="6:7">
      <c r="F1136" s="335" t="s">
        <v>576</v>
      </c>
      <c r="G1136" s="340" t="s">
        <v>1619</v>
      </c>
    </row>
    <row r="1137" spans="6:7">
      <c r="F1137" s="335" t="s">
        <v>576</v>
      </c>
      <c r="G1137" s="340" t="s">
        <v>268</v>
      </c>
    </row>
    <row r="1138" spans="6:7">
      <c r="F1138" s="335" t="s">
        <v>576</v>
      </c>
      <c r="G1138" s="340" t="s">
        <v>1621</v>
      </c>
    </row>
    <row r="1139" spans="6:7">
      <c r="F1139" s="335" t="s">
        <v>576</v>
      </c>
      <c r="G1139" s="340" t="s">
        <v>851</v>
      </c>
    </row>
    <row r="1140" spans="6:7">
      <c r="F1140" s="335" t="s">
        <v>576</v>
      </c>
      <c r="G1140" s="340" t="s">
        <v>1506</v>
      </c>
    </row>
    <row r="1141" spans="6:7">
      <c r="F1141" s="335" t="s">
        <v>576</v>
      </c>
      <c r="G1141" s="340" t="s">
        <v>1622</v>
      </c>
    </row>
    <row r="1142" spans="6:7">
      <c r="F1142" s="335" t="s">
        <v>576</v>
      </c>
      <c r="G1142" s="340" t="s">
        <v>1100</v>
      </c>
    </row>
    <row r="1143" spans="6:7">
      <c r="F1143" s="335" t="s">
        <v>576</v>
      </c>
      <c r="G1143" s="340" t="s">
        <v>1623</v>
      </c>
    </row>
    <row r="1144" spans="6:7">
      <c r="F1144" s="335" t="s">
        <v>576</v>
      </c>
      <c r="G1144" s="340" t="s">
        <v>1624</v>
      </c>
    </row>
    <row r="1145" spans="6:7">
      <c r="F1145" s="335" t="s">
        <v>576</v>
      </c>
      <c r="G1145" s="340" t="s">
        <v>105</v>
      </c>
    </row>
    <row r="1146" spans="6:7">
      <c r="F1146" s="335" t="s">
        <v>576</v>
      </c>
      <c r="G1146" s="340" t="s">
        <v>1625</v>
      </c>
    </row>
    <row r="1147" spans="6:7">
      <c r="F1147" s="335" t="s">
        <v>576</v>
      </c>
      <c r="G1147" s="340" t="s">
        <v>1526</v>
      </c>
    </row>
    <row r="1148" spans="6:7">
      <c r="F1148" s="335" t="s">
        <v>576</v>
      </c>
      <c r="G1148" s="340" t="s">
        <v>1228</v>
      </c>
    </row>
    <row r="1149" spans="6:7">
      <c r="F1149" s="335" t="s">
        <v>576</v>
      </c>
      <c r="G1149" s="340" t="s">
        <v>1627</v>
      </c>
    </row>
    <row r="1150" spans="6:7">
      <c r="F1150" s="335" t="s">
        <v>576</v>
      </c>
      <c r="G1150" s="340" t="s">
        <v>914</v>
      </c>
    </row>
    <row r="1151" spans="6:7">
      <c r="F1151" s="335" t="s">
        <v>576</v>
      </c>
      <c r="G1151" s="340" t="s">
        <v>1160</v>
      </c>
    </row>
    <row r="1152" spans="6:7">
      <c r="F1152" s="335" t="s">
        <v>576</v>
      </c>
      <c r="G1152" s="340" t="s">
        <v>902</v>
      </c>
    </row>
    <row r="1153" spans="6:7">
      <c r="F1153" s="335" t="s">
        <v>576</v>
      </c>
      <c r="G1153" s="340" t="s">
        <v>1628</v>
      </c>
    </row>
    <row r="1154" spans="6:7">
      <c r="F1154" s="335" t="s">
        <v>576</v>
      </c>
      <c r="G1154" s="340" t="s">
        <v>1630</v>
      </c>
    </row>
    <row r="1155" spans="6:7">
      <c r="F1155" s="335" t="s">
        <v>576</v>
      </c>
      <c r="G1155" s="340" t="s">
        <v>1632</v>
      </c>
    </row>
    <row r="1156" spans="6:7">
      <c r="F1156" s="335" t="s">
        <v>576</v>
      </c>
      <c r="G1156" s="340" t="s">
        <v>1482</v>
      </c>
    </row>
    <row r="1157" spans="6:7">
      <c r="F1157" s="335" t="s">
        <v>576</v>
      </c>
      <c r="G1157" s="340" t="s">
        <v>663</v>
      </c>
    </row>
    <row r="1158" spans="6:7">
      <c r="F1158" s="335" t="s">
        <v>576</v>
      </c>
      <c r="G1158" s="340" t="s">
        <v>1635</v>
      </c>
    </row>
    <row r="1159" spans="6:7">
      <c r="F1159" s="335" t="s">
        <v>576</v>
      </c>
      <c r="G1159" s="340" t="s">
        <v>1043</v>
      </c>
    </row>
    <row r="1160" spans="6:7">
      <c r="F1160" s="335" t="s">
        <v>576</v>
      </c>
      <c r="G1160" s="340" t="s">
        <v>929</v>
      </c>
    </row>
    <row r="1161" spans="6:7">
      <c r="F1161" s="335" t="s">
        <v>576</v>
      </c>
      <c r="G1161" s="340" t="s">
        <v>100</v>
      </c>
    </row>
    <row r="1162" spans="6:7">
      <c r="F1162" s="335" t="s">
        <v>576</v>
      </c>
      <c r="G1162" s="340" t="s">
        <v>981</v>
      </c>
    </row>
    <row r="1163" spans="6:7">
      <c r="F1163" s="335" t="s">
        <v>576</v>
      </c>
      <c r="G1163" s="340" t="s">
        <v>1636</v>
      </c>
    </row>
    <row r="1164" spans="6:7">
      <c r="F1164" s="335" t="s">
        <v>581</v>
      </c>
      <c r="G1164" s="340" t="s">
        <v>1638</v>
      </c>
    </row>
    <row r="1165" spans="6:7">
      <c r="F1165" s="335" t="s">
        <v>581</v>
      </c>
      <c r="G1165" s="340" t="s">
        <v>15</v>
      </c>
    </row>
    <row r="1166" spans="6:7">
      <c r="F1166" s="335" t="s">
        <v>581</v>
      </c>
      <c r="G1166" s="340" t="s">
        <v>868</v>
      </c>
    </row>
    <row r="1167" spans="6:7">
      <c r="F1167" s="335" t="s">
        <v>581</v>
      </c>
      <c r="G1167" s="340" t="s">
        <v>756</v>
      </c>
    </row>
    <row r="1168" spans="6:7">
      <c r="F1168" s="335" t="s">
        <v>581</v>
      </c>
      <c r="G1168" s="340" t="s">
        <v>1011</v>
      </c>
    </row>
    <row r="1169" spans="6:7">
      <c r="F1169" s="335" t="s">
        <v>581</v>
      </c>
      <c r="G1169" s="340" t="s">
        <v>1428</v>
      </c>
    </row>
    <row r="1170" spans="6:7">
      <c r="F1170" s="335" t="s">
        <v>581</v>
      </c>
      <c r="G1170" s="340" t="s">
        <v>1456</v>
      </c>
    </row>
    <row r="1171" spans="6:7">
      <c r="F1171" s="335" t="s">
        <v>581</v>
      </c>
      <c r="G1171" s="340" t="s">
        <v>1639</v>
      </c>
    </row>
    <row r="1172" spans="6:7">
      <c r="F1172" s="335" t="s">
        <v>581</v>
      </c>
      <c r="G1172" s="340" t="s">
        <v>1640</v>
      </c>
    </row>
    <row r="1173" spans="6:7">
      <c r="F1173" s="335" t="s">
        <v>581</v>
      </c>
      <c r="G1173" s="340" t="s">
        <v>379</v>
      </c>
    </row>
    <row r="1174" spans="6:7">
      <c r="F1174" s="335" t="s">
        <v>581</v>
      </c>
      <c r="G1174" s="340" t="s">
        <v>1187</v>
      </c>
    </row>
    <row r="1175" spans="6:7">
      <c r="F1175" s="335" t="s">
        <v>581</v>
      </c>
      <c r="G1175" s="340" t="s">
        <v>1642</v>
      </c>
    </row>
    <row r="1176" spans="6:7">
      <c r="F1176" s="335" t="s">
        <v>581</v>
      </c>
      <c r="G1176" s="340" t="s">
        <v>980</v>
      </c>
    </row>
    <row r="1177" spans="6:7">
      <c r="F1177" s="335" t="s">
        <v>581</v>
      </c>
      <c r="G1177" s="340" t="s">
        <v>1643</v>
      </c>
    </row>
    <row r="1178" spans="6:7">
      <c r="F1178" s="335" t="s">
        <v>581</v>
      </c>
      <c r="G1178" s="340" t="s">
        <v>1173</v>
      </c>
    </row>
    <row r="1179" spans="6:7">
      <c r="F1179" s="335" t="s">
        <v>581</v>
      </c>
      <c r="G1179" s="340" t="s">
        <v>1207</v>
      </c>
    </row>
    <row r="1180" spans="6:7">
      <c r="F1180" s="335" t="s">
        <v>581</v>
      </c>
      <c r="G1180" s="340" t="s">
        <v>1644</v>
      </c>
    </row>
    <row r="1181" spans="6:7">
      <c r="F1181" s="335" t="s">
        <v>581</v>
      </c>
      <c r="G1181" s="340" t="s">
        <v>1646</v>
      </c>
    </row>
    <row r="1182" spans="6:7">
      <c r="F1182" s="335" t="s">
        <v>581</v>
      </c>
      <c r="G1182" s="340" t="s">
        <v>1647</v>
      </c>
    </row>
    <row r="1183" spans="6:7">
      <c r="F1183" s="335" t="s">
        <v>581</v>
      </c>
      <c r="G1183" s="340" t="s">
        <v>1231</v>
      </c>
    </row>
    <row r="1184" spans="6:7">
      <c r="F1184" s="335" t="s">
        <v>581</v>
      </c>
      <c r="G1184" s="340" t="s">
        <v>1648</v>
      </c>
    </row>
    <row r="1185" spans="6:7">
      <c r="F1185" s="335" t="s">
        <v>581</v>
      </c>
      <c r="G1185" s="340" t="s">
        <v>1650</v>
      </c>
    </row>
    <row r="1186" spans="6:7">
      <c r="F1186" s="335" t="s">
        <v>581</v>
      </c>
      <c r="G1186" s="340" t="s">
        <v>1651</v>
      </c>
    </row>
    <row r="1187" spans="6:7">
      <c r="F1187" s="335" t="s">
        <v>581</v>
      </c>
      <c r="G1187" s="340" t="s">
        <v>1652</v>
      </c>
    </row>
    <row r="1188" spans="6:7">
      <c r="F1188" s="335" t="s">
        <v>581</v>
      </c>
      <c r="G1188" s="340" t="s">
        <v>305</v>
      </c>
    </row>
    <row r="1189" spans="6:7">
      <c r="F1189" s="335" t="s">
        <v>581</v>
      </c>
      <c r="G1189" s="340" t="s">
        <v>1653</v>
      </c>
    </row>
    <row r="1190" spans="6:7">
      <c r="F1190" s="335" t="s">
        <v>581</v>
      </c>
      <c r="G1190" s="340" t="s">
        <v>1654</v>
      </c>
    </row>
    <row r="1191" spans="6:7">
      <c r="F1191" s="335" t="s">
        <v>581</v>
      </c>
      <c r="G1191" s="340" t="s">
        <v>1656</v>
      </c>
    </row>
    <row r="1192" spans="6:7">
      <c r="F1192" s="335" t="s">
        <v>581</v>
      </c>
      <c r="G1192" s="340" t="s">
        <v>1658</v>
      </c>
    </row>
    <row r="1193" spans="6:7">
      <c r="F1193" s="335" t="s">
        <v>581</v>
      </c>
      <c r="G1193" s="340" t="s">
        <v>1446</v>
      </c>
    </row>
    <row r="1194" spans="6:7">
      <c r="F1194" s="335" t="s">
        <v>581</v>
      </c>
      <c r="G1194" s="340" t="s">
        <v>1659</v>
      </c>
    </row>
    <row r="1195" spans="6:7">
      <c r="F1195" s="335" t="s">
        <v>581</v>
      </c>
      <c r="G1195" s="340" t="s">
        <v>161</v>
      </c>
    </row>
    <row r="1196" spans="6:7">
      <c r="F1196" s="335" t="s">
        <v>581</v>
      </c>
      <c r="G1196" s="340" t="s">
        <v>1660</v>
      </c>
    </row>
    <row r="1197" spans="6:7">
      <c r="F1197" s="335" t="s">
        <v>581</v>
      </c>
      <c r="G1197" s="340" t="s">
        <v>1661</v>
      </c>
    </row>
    <row r="1198" spans="6:7">
      <c r="F1198" s="335" t="s">
        <v>581</v>
      </c>
      <c r="G1198" s="340" t="s">
        <v>1599</v>
      </c>
    </row>
    <row r="1199" spans="6:7">
      <c r="F1199" s="335" t="s">
        <v>581</v>
      </c>
      <c r="G1199" s="340" t="s">
        <v>374</v>
      </c>
    </row>
    <row r="1200" spans="6:7">
      <c r="F1200" s="335" t="s">
        <v>581</v>
      </c>
      <c r="G1200" s="340" t="s">
        <v>100</v>
      </c>
    </row>
    <row r="1201" spans="6:7">
      <c r="F1201" s="335" t="s">
        <v>581</v>
      </c>
      <c r="G1201" s="340" t="s">
        <v>1195</v>
      </c>
    </row>
    <row r="1202" spans="6:7">
      <c r="F1202" s="335" t="s">
        <v>581</v>
      </c>
      <c r="G1202" s="340" t="s">
        <v>1553</v>
      </c>
    </row>
    <row r="1203" spans="6:7">
      <c r="F1203" s="335" t="s">
        <v>581</v>
      </c>
      <c r="G1203" s="340" t="s">
        <v>1662</v>
      </c>
    </row>
    <row r="1204" spans="6:7">
      <c r="F1204" s="335" t="s">
        <v>581</v>
      </c>
      <c r="G1204" s="340" t="s">
        <v>864</v>
      </c>
    </row>
    <row r="1205" spans="6:7">
      <c r="F1205" s="335" t="s">
        <v>552</v>
      </c>
      <c r="G1205" s="340" t="s">
        <v>838</v>
      </c>
    </row>
    <row r="1206" spans="6:7">
      <c r="F1206" s="335" t="s">
        <v>552</v>
      </c>
      <c r="G1206" s="340" t="s">
        <v>990</v>
      </c>
    </row>
    <row r="1207" spans="6:7">
      <c r="F1207" s="335" t="s">
        <v>552</v>
      </c>
      <c r="G1207" s="340" t="s">
        <v>1498</v>
      </c>
    </row>
    <row r="1208" spans="6:7">
      <c r="F1208" s="335" t="s">
        <v>552</v>
      </c>
      <c r="G1208" s="340" t="s">
        <v>996</v>
      </c>
    </row>
    <row r="1209" spans="6:7">
      <c r="F1209" s="335" t="s">
        <v>552</v>
      </c>
      <c r="G1209" s="340" t="s">
        <v>1663</v>
      </c>
    </row>
    <row r="1210" spans="6:7">
      <c r="F1210" s="335" t="s">
        <v>552</v>
      </c>
      <c r="G1210" s="340" t="s">
        <v>651</v>
      </c>
    </row>
    <row r="1211" spans="6:7">
      <c r="F1211" s="335" t="s">
        <v>552</v>
      </c>
      <c r="G1211" s="340" t="s">
        <v>36</v>
      </c>
    </row>
    <row r="1212" spans="6:7">
      <c r="F1212" s="335" t="s">
        <v>552</v>
      </c>
      <c r="G1212" s="340" t="s">
        <v>312</v>
      </c>
    </row>
    <row r="1213" spans="6:7">
      <c r="F1213" s="335" t="s">
        <v>552</v>
      </c>
      <c r="G1213" s="340" t="s">
        <v>1665</v>
      </c>
    </row>
    <row r="1214" spans="6:7">
      <c r="F1214" s="335" t="s">
        <v>552</v>
      </c>
      <c r="G1214" s="340" t="s">
        <v>1645</v>
      </c>
    </row>
    <row r="1215" spans="6:7">
      <c r="F1215" s="335" t="s">
        <v>552</v>
      </c>
      <c r="G1215" s="340" t="s">
        <v>1666</v>
      </c>
    </row>
    <row r="1216" spans="6:7">
      <c r="F1216" s="335" t="s">
        <v>552</v>
      </c>
      <c r="G1216" s="340" t="s">
        <v>1667</v>
      </c>
    </row>
    <row r="1217" spans="6:7">
      <c r="F1217" s="335" t="s">
        <v>552</v>
      </c>
      <c r="G1217" s="340" t="s">
        <v>1668</v>
      </c>
    </row>
    <row r="1218" spans="6:7">
      <c r="F1218" s="335" t="s">
        <v>552</v>
      </c>
      <c r="G1218" s="340" t="s">
        <v>1324</v>
      </c>
    </row>
    <row r="1219" spans="6:7">
      <c r="F1219" s="335" t="s">
        <v>552</v>
      </c>
      <c r="G1219" s="340" t="s">
        <v>685</v>
      </c>
    </row>
    <row r="1220" spans="6:7">
      <c r="F1220" s="335" t="s">
        <v>552</v>
      </c>
      <c r="G1220" s="340" t="s">
        <v>319</v>
      </c>
    </row>
    <row r="1221" spans="6:7">
      <c r="F1221" s="335" t="s">
        <v>552</v>
      </c>
      <c r="G1221" s="340" t="s">
        <v>1218</v>
      </c>
    </row>
    <row r="1222" spans="6:7">
      <c r="F1222" s="335" t="s">
        <v>552</v>
      </c>
      <c r="G1222" s="340" t="s">
        <v>618</v>
      </c>
    </row>
    <row r="1223" spans="6:7">
      <c r="F1223" s="335" t="s">
        <v>552</v>
      </c>
      <c r="G1223" s="340" t="s">
        <v>1669</v>
      </c>
    </row>
    <row r="1224" spans="6:7">
      <c r="F1224" s="335" t="s">
        <v>552</v>
      </c>
      <c r="G1224" s="340" t="s">
        <v>1089</v>
      </c>
    </row>
    <row r="1225" spans="6:7">
      <c r="F1225" s="335" t="s">
        <v>552</v>
      </c>
      <c r="G1225" s="340" t="s">
        <v>603</v>
      </c>
    </row>
    <row r="1226" spans="6:7">
      <c r="F1226" s="335" t="s">
        <v>552</v>
      </c>
      <c r="G1226" s="340" t="s">
        <v>1670</v>
      </c>
    </row>
    <row r="1227" spans="6:7">
      <c r="F1227" s="335" t="s">
        <v>552</v>
      </c>
      <c r="G1227" s="340" t="s">
        <v>1671</v>
      </c>
    </row>
    <row r="1228" spans="6:7">
      <c r="F1228" s="335" t="s">
        <v>552</v>
      </c>
      <c r="G1228" s="340" t="s">
        <v>1673</v>
      </c>
    </row>
    <row r="1229" spans="6:7">
      <c r="F1229" s="335" t="s">
        <v>552</v>
      </c>
      <c r="G1229" s="340" t="s">
        <v>216</v>
      </c>
    </row>
    <row r="1230" spans="6:7">
      <c r="F1230" s="335" t="s">
        <v>552</v>
      </c>
      <c r="G1230" s="340" t="s">
        <v>779</v>
      </c>
    </row>
    <row r="1231" spans="6:7">
      <c r="F1231" s="335" t="s">
        <v>552</v>
      </c>
      <c r="G1231" s="340" t="s">
        <v>1018</v>
      </c>
    </row>
    <row r="1232" spans="6:7">
      <c r="F1232" s="335" t="s">
        <v>552</v>
      </c>
      <c r="G1232" s="340" t="s">
        <v>1674</v>
      </c>
    </row>
    <row r="1233" spans="6:7">
      <c r="F1233" s="335" t="s">
        <v>552</v>
      </c>
      <c r="G1233" s="340" t="s">
        <v>945</v>
      </c>
    </row>
    <row r="1234" spans="6:7">
      <c r="F1234" s="335" t="s">
        <v>552</v>
      </c>
      <c r="G1234" s="340" t="s">
        <v>1676</v>
      </c>
    </row>
    <row r="1235" spans="6:7">
      <c r="F1235" s="335" t="s">
        <v>552</v>
      </c>
      <c r="G1235" s="340" t="s">
        <v>1678</v>
      </c>
    </row>
    <row r="1236" spans="6:7">
      <c r="F1236" s="335" t="s">
        <v>552</v>
      </c>
      <c r="G1236" s="340" t="s">
        <v>1679</v>
      </c>
    </row>
    <row r="1237" spans="6:7">
      <c r="F1237" s="335" t="s">
        <v>552</v>
      </c>
      <c r="G1237" s="340" t="s">
        <v>1680</v>
      </c>
    </row>
    <row r="1238" spans="6:7">
      <c r="F1238" s="335" t="s">
        <v>552</v>
      </c>
      <c r="G1238" s="340" t="s">
        <v>1335</v>
      </c>
    </row>
    <row r="1239" spans="6:7">
      <c r="F1239" s="335" t="s">
        <v>552</v>
      </c>
      <c r="G1239" s="340" t="s">
        <v>1682</v>
      </c>
    </row>
    <row r="1240" spans="6:7">
      <c r="F1240" s="335" t="s">
        <v>552</v>
      </c>
      <c r="G1240" s="340" t="s">
        <v>284</v>
      </c>
    </row>
    <row r="1241" spans="6:7">
      <c r="F1241" s="335" t="s">
        <v>552</v>
      </c>
      <c r="G1241" s="340" t="s">
        <v>1683</v>
      </c>
    </row>
    <row r="1242" spans="6:7">
      <c r="F1242" s="335" t="s">
        <v>552</v>
      </c>
      <c r="G1242" s="340" t="s">
        <v>635</v>
      </c>
    </row>
    <row r="1243" spans="6:7">
      <c r="F1243" s="335" t="s">
        <v>552</v>
      </c>
      <c r="G1243" s="340" t="s">
        <v>1684</v>
      </c>
    </row>
    <row r="1244" spans="6:7">
      <c r="F1244" s="335" t="s">
        <v>595</v>
      </c>
      <c r="G1244" s="340" t="s">
        <v>1685</v>
      </c>
    </row>
    <row r="1245" spans="6:7">
      <c r="F1245" s="335" t="s">
        <v>595</v>
      </c>
      <c r="G1245" s="340" t="s">
        <v>1516</v>
      </c>
    </row>
    <row r="1246" spans="6:7">
      <c r="F1246" s="335" t="s">
        <v>595</v>
      </c>
      <c r="G1246" s="340" t="s">
        <v>1629</v>
      </c>
    </row>
    <row r="1247" spans="6:7">
      <c r="F1247" s="335" t="s">
        <v>595</v>
      </c>
      <c r="G1247" s="340" t="s">
        <v>1686</v>
      </c>
    </row>
    <row r="1248" spans="6:7">
      <c r="F1248" s="335" t="s">
        <v>595</v>
      </c>
      <c r="G1248" s="340" t="s">
        <v>1687</v>
      </c>
    </row>
    <row r="1249" spans="6:7">
      <c r="F1249" s="335" t="s">
        <v>595</v>
      </c>
      <c r="G1249" s="340" t="s">
        <v>1688</v>
      </c>
    </row>
    <row r="1250" spans="6:7">
      <c r="F1250" s="335" t="s">
        <v>595</v>
      </c>
      <c r="G1250" s="340" t="s">
        <v>1279</v>
      </c>
    </row>
    <row r="1251" spans="6:7">
      <c r="F1251" s="335" t="s">
        <v>595</v>
      </c>
      <c r="G1251" s="340" t="s">
        <v>344</v>
      </c>
    </row>
    <row r="1252" spans="6:7">
      <c r="F1252" s="335" t="s">
        <v>595</v>
      </c>
      <c r="G1252" s="340" t="s">
        <v>1068</v>
      </c>
    </row>
    <row r="1253" spans="6:7">
      <c r="F1253" s="335" t="s">
        <v>595</v>
      </c>
      <c r="G1253" s="340" t="s">
        <v>1689</v>
      </c>
    </row>
    <row r="1254" spans="6:7">
      <c r="F1254" s="335" t="s">
        <v>595</v>
      </c>
      <c r="G1254" s="340" t="s">
        <v>1538</v>
      </c>
    </row>
    <row r="1255" spans="6:7">
      <c r="F1255" s="335" t="s">
        <v>595</v>
      </c>
      <c r="G1255" s="340" t="s">
        <v>1690</v>
      </c>
    </row>
    <row r="1256" spans="6:7">
      <c r="F1256" s="335" t="s">
        <v>595</v>
      </c>
      <c r="G1256" s="340" t="s">
        <v>1691</v>
      </c>
    </row>
    <row r="1257" spans="6:7">
      <c r="F1257" s="335" t="s">
        <v>595</v>
      </c>
      <c r="G1257" s="340" t="s">
        <v>1159</v>
      </c>
    </row>
    <row r="1258" spans="6:7">
      <c r="F1258" s="335" t="s">
        <v>595</v>
      </c>
      <c r="G1258" s="340" t="s">
        <v>1692</v>
      </c>
    </row>
    <row r="1259" spans="6:7">
      <c r="F1259" s="335" t="s">
        <v>595</v>
      </c>
      <c r="G1259" s="340" t="s">
        <v>1693</v>
      </c>
    </row>
    <row r="1260" spans="6:7">
      <c r="F1260" s="335" t="s">
        <v>595</v>
      </c>
      <c r="G1260" s="340" t="s">
        <v>1398</v>
      </c>
    </row>
    <row r="1261" spans="6:7">
      <c r="F1261" s="335" t="s">
        <v>595</v>
      </c>
      <c r="G1261" s="340" t="s">
        <v>56</v>
      </c>
    </row>
    <row r="1262" spans="6:7">
      <c r="F1262" s="335" t="s">
        <v>595</v>
      </c>
      <c r="G1262" s="340" t="s">
        <v>88</v>
      </c>
    </row>
    <row r="1263" spans="6:7">
      <c r="F1263" s="335" t="s">
        <v>595</v>
      </c>
      <c r="G1263" s="340" t="s">
        <v>1442</v>
      </c>
    </row>
    <row r="1264" spans="6:7">
      <c r="F1264" s="335" t="s">
        <v>595</v>
      </c>
      <c r="G1264" s="340" t="s">
        <v>1694</v>
      </c>
    </row>
    <row r="1265" spans="6:7">
      <c r="F1265" s="335" t="s">
        <v>595</v>
      </c>
      <c r="G1265" s="340" t="s">
        <v>1695</v>
      </c>
    </row>
    <row r="1266" spans="6:7">
      <c r="F1266" s="335" t="s">
        <v>595</v>
      </c>
      <c r="G1266" s="340" t="s">
        <v>1696</v>
      </c>
    </row>
    <row r="1267" spans="6:7">
      <c r="F1267" s="335" t="s">
        <v>595</v>
      </c>
      <c r="G1267" s="340" t="s">
        <v>1697</v>
      </c>
    </row>
    <row r="1268" spans="6:7">
      <c r="F1268" s="335" t="s">
        <v>595</v>
      </c>
      <c r="G1268" s="340" t="s">
        <v>519</v>
      </c>
    </row>
    <row r="1269" spans="6:7">
      <c r="F1269" s="335" t="s">
        <v>595</v>
      </c>
      <c r="G1269" s="340" t="s">
        <v>173</v>
      </c>
    </row>
    <row r="1270" spans="6:7">
      <c r="F1270" s="335" t="s">
        <v>595</v>
      </c>
      <c r="G1270" s="340" t="s">
        <v>1698</v>
      </c>
    </row>
    <row r="1271" spans="6:7">
      <c r="F1271" s="335" t="s">
        <v>595</v>
      </c>
      <c r="G1271" s="340" t="s">
        <v>1611</v>
      </c>
    </row>
    <row r="1272" spans="6:7">
      <c r="F1272" s="335" t="s">
        <v>595</v>
      </c>
      <c r="G1272" s="340" t="s">
        <v>1699</v>
      </c>
    </row>
    <row r="1273" spans="6:7">
      <c r="F1273" s="335" t="s">
        <v>595</v>
      </c>
      <c r="G1273" s="340" t="s">
        <v>1701</v>
      </c>
    </row>
    <row r="1274" spans="6:7">
      <c r="F1274" s="335" t="s">
        <v>600</v>
      </c>
      <c r="G1274" s="340" t="s">
        <v>1704</v>
      </c>
    </row>
    <row r="1275" spans="6:7">
      <c r="F1275" s="335" t="s">
        <v>600</v>
      </c>
      <c r="G1275" s="340" t="s">
        <v>1705</v>
      </c>
    </row>
    <row r="1276" spans="6:7">
      <c r="F1276" s="335" t="s">
        <v>600</v>
      </c>
      <c r="G1276" s="340" t="s">
        <v>1707</v>
      </c>
    </row>
    <row r="1277" spans="6:7">
      <c r="F1277" s="335" t="s">
        <v>600</v>
      </c>
      <c r="G1277" s="340" t="s">
        <v>1709</v>
      </c>
    </row>
    <row r="1278" spans="6:7">
      <c r="F1278" s="335" t="s">
        <v>600</v>
      </c>
      <c r="G1278" s="340" t="s">
        <v>1710</v>
      </c>
    </row>
    <row r="1279" spans="6:7">
      <c r="F1279" s="335" t="s">
        <v>600</v>
      </c>
      <c r="G1279" s="340" t="s">
        <v>1711</v>
      </c>
    </row>
    <row r="1280" spans="6:7">
      <c r="F1280" s="335" t="s">
        <v>600</v>
      </c>
      <c r="G1280" s="340" t="s">
        <v>1712</v>
      </c>
    </row>
    <row r="1281" spans="6:7">
      <c r="F1281" s="335" t="s">
        <v>600</v>
      </c>
      <c r="G1281" s="340" t="s">
        <v>1713</v>
      </c>
    </row>
    <row r="1282" spans="6:7">
      <c r="F1282" s="335" t="s">
        <v>600</v>
      </c>
      <c r="G1282" s="340" t="s">
        <v>507</v>
      </c>
    </row>
    <row r="1283" spans="6:7">
      <c r="F1283" s="335" t="s">
        <v>600</v>
      </c>
      <c r="G1283" s="340" t="s">
        <v>518</v>
      </c>
    </row>
    <row r="1284" spans="6:7">
      <c r="F1284" s="335" t="s">
        <v>600</v>
      </c>
      <c r="G1284" s="340" t="s">
        <v>1634</v>
      </c>
    </row>
    <row r="1285" spans="6:7">
      <c r="F1285" s="335" t="s">
        <v>600</v>
      </c>
      <c r="G1285" s="340" t="s">
        <v>1714</v>
      </c>
    </row>
    <row r="1286" spans="6:7">
      <c r="F1286" s="335" t="s">
        <v>600</v>
      </c>
      <c r="G1286" s="340" t="s">
        <v>1715</v>
      </c>
    </row>
    <row r="1287" spans="6:7">
      <c r="F1287" s="335" t="s">
        <v>600</v>
      </c>
      <c r="G1287" s="340" t="s">
        <v>639</v>
      </c>
    </row>
    <row r="1288" spans="6:7">
      <c r="F1288" s="335" t="s">
        <v>600</v>
      </c>
      <c r="G1288" s="340" t="s">
        <v>568</v>
      </c>
    </row>
    <row r="1289" spans="6:7">
      <c r="F1289" s="335" t="s">
        <v>600</v>
      </c>
      <c r="G1289" s="340" t="s">
        <v>1716</v>
      </c>
    </row>
    <row r="1290" spans="6:7">
      <c r="F1290" s="335" t="s">
        <v>600</v>
      </c>
      <c r="G1290" s="340" t="s">
        <v>1718</v>
      </c>
    </row>
    <row r="1291" spans="6:7">
      <c r="F1291" s="335" t="s">
        <v>600</v>
      </c>
      <c r="G1291" s="340" t="s">
        <v>1588</v>
      </c>
    </row>
    <row r="1292" spans="6:7">
      <c r="F1292" s="335" t="s">
        <v>600</v>
      </c>
      <c r="G1292" s="340" t="s">
        <v>1719</v>
      </c>
    </row>
    <row r="1293" spans="6:7">
      <c r="F1293" s="335" t="s">
        <v>602</v>
      </c>
      <c r="G1293" s="340" t="s">
        <v>1720</v>
      </c>
    </row>
    <row r="1294" spans="6:7">
      <c r="F1294" s="335" t="s">
        <v>602</v>
      </c>
      <c r="G1294" s="340" t="s">
        <v>1633</v>
      </c>
    </row>
    <row r="1295" spans="6:7">
      <c r="F1295" s="335" t="s">
        <v>602</v>
      </c>
      <c r="G1295" s="340" t="s">
        <v>1722</v>
      </c>
    </row>
    <row r="1296" spans="6:7">
      <c r="F1296" s="335" t="s">
        <v>602</v>
      </c>
      <c r="G1296" s="340" t="s">
        <v>1723</v>
      </c>
    </row>
    <row r="1297" spans="6:7">
      <c r="F1297" s="335" t="s">
        <v>602</v>
      </c>
      <c r="G1297" s="340" t="s">
        <v>235</v>
      </c>
    </row>
    <row r="1298" spans="6:7">
      <c r="F1298" s="335" t="s">
        <v>602</v>
      </c>
      <c r="G1298" s="340" t="s">
        <v>1724</v>
      </c>
    </row>
    <row r="1299" spans="6:7">
      <c r="F1299" s="335" t="s">
        <v>602</v>
      </c>
      <c r="G1299" s="340" t="s">
        <v>1641</v>
      </c>
    </row>
    <row r="1300" spans="6:7">
      <c r="F1300" s="335" t="s">
        <v>602</v>
      </c>
      <c r="G1300" s="340" t="s">
        <v>1283</v>
      </c>
    </row>
    <row r="1301" spans="6:7">
      <c r="F1301" s="335" t="s">
        <v>602</v>
      </c>
      <c r="G1301" s="340" t="s">
        <v>977</v>
      </c>
    </row>
    <row r="1302" spans="6:7">
      <c r="F1302" s="335" t="s">
        <v>602</v>
      </c>
      <c r="G1302" s="340" t="s">
        <v>741</v>
      </c>
    </row>
    <row r="1303" spans="6:7">
      <c r="F1303" s="335" t="s">
        <v>602</v>
      </c>
      <c r="G1303" s="340" t="s">
        <v>1725</v>
      </c>
    </row>
    <row r="1304" spans="6:7">
      <c r="F1304" s="335" t="s">
        <v>602</v>
      </c>
      <c r="G1304" s="340" t="s">
        <v>764</v>
      </c>
    </row>
    <row r="1305" spans="6:7">
      <c r="F1305" s="335" t="s">
        <v>602</v>
      </c>
      <c r="G1305" s="340" t="s">
        <v>1726</v>
      </c>
    </row>
    <row r="1306" spans="6:7">
      <c r="F1306" s="335" t="s">
        <v>602</v>
      </c>
      <c r="G1306" s="340" t="s">
        <v>115</v>
      </c>
    </row>
    <row r="1307" spans="6:7">
      <c r="F1307" s="335" t="s">
        <v>602</v>
      </c>
      <c r="G1307" s="340" t="s">
        <v>1728</v>
      </c>
    </row>
    <row r="1308" spans="6:7">
      <c r="F1308" s="335" t="s">
        <v>602</v>
      </c>
      <c r="G1308" s="340" t="s">
        <v>1730</v>
      </c>
    </row>
    <row r="1309" spans="6:7">
      <c r="F1309" s="335" t="s">
        <v>602</v>
      </c>
      <c r="G1309" s="340" t="s">
        <v>461</v>
      </c>
    </row>
    <row r="1310" spans="6:7">
      <c r="F1310" s="335" t="s">
        <v>602</v>
      </c>
      <c r="G1310" s="340" t="s">
        <v>1731</v>
      </c>
    </row>
    <row r="1311" spans="6:7">
      <c r="F1311" s="335" t="s">
        <v>602</v>
      </c>
      <c r="G1311" s="340" t="s">
        <v>1732</v>
      </c>
    </row>
    <row r="1312" spans="6:7">
      <c r="F1312" s="335" t="s">
        <v>607</v>
      </c>
      <c r="G1312" s="340" t="s">
        <v>428</v>
      </c>
    </row>
    <row r="1313" spans="6:7">
      <c r="F1313" s="335" t="s">
        <v>607</v>
      </c>
      <c r="G1313" s="340" t="s">
        <v>1649</v>
      </c>
    </row>
    <row r="1314" spans="6:7">
      <c r="F1314" s="335" t="s">
        <v>607</v>
      </c>
      <c r="G1314" s="340" t="s">
        <v>1734</v>
      </c>
    </row>
    <row r="1315" spans="6:7">
      <c r="F1315" s="335" t="s">
        <v>607</v>
      </c>
      <c r="G1315" s="340" t="s">
        <v>1735</v>
      </c>
    </row>
    <row r="1316" spans="6:7">
      <c r="F1316" s="335" t="s">
        <v>607</v>
      </c>
      <c r="G1316" s="340" t="s">
        <v>1717</v>
      </c>
    </row>
    <row r="1317" spans="6:7">
      <c r="F1317" s="335" t="s">
        <v>607</v>
      </c>
      <c r="G1317" s="340" t="s">
        <v>1030</v>
      </c>
    </row>
    <row r="1318" spans="6:7">
      <c r="F1318" s="335" t="s">
        <v>607</v>
      </c>
      <c r="G1318" s="340" t="s">
        <v>1736</v>
      </c>
    </row>
    <row r="1319" spans="6:7">
      <c r="F1319" s="335" t="s">
        <v>607</v>
      </c>
      <c r="G1319" s="340" t="s">
        <v>1739</v>
      </c>
    </row>
    <row r="1320" spans="6:7">
      <c r="F1320" s="335" t="s">
        <v>607</v>
      </c>
      <c r="G1320" s="340" t="s">
        <v>1741</v>
      </c>
    </row>
    <row r="1321" spans="6:7">
      <c r="F1321" s="335" t="s">
        <v>607</v>
      </c>
      <c r="G1321" s="340" t="s">
        <v>368</v>
      </c>
    </row>
    <row r="1322" spans="6:7">
      <c r="F1322" s="335" t="s">
        <v>607</v>
      </c>
      <c r="G1322" s="340" t="s">
        <v>1742</v>
      </c>
    </row>
    <row r="1323" spans="6:7">
      <c r="F1323" s="335" t="s">
        <v>607</v>
      </c>
      <c r="G1323" s="340" t="s">
        <v>1455</v>
      </c>
    </row>
    <row r="1324" spans="6:7">
      <c r="F1324" s="335" t="s">
        <v>607</v>
      </c>
      <c r="G1324" s="340" t="s">
        <v>1743</v>
      </c>
    </row>
    <row r="1325" spans="6:7">
      <c r="F1325" s="335" t="s">
        <v>607</v>
      </c>
      <c r="G1325" s="340" t="s">
        <v>1744</v>
      </c>
    </row>
    <row r="1326" spans="6:7">
      <c r="F1326" s="335" t="s">
        <v>607</v>
      </c>
      <c r="G1326" s="340" t="s">
        <v>252</v>
      </c>
    </row>
    <row r="1327" spans="6:7">
      <c r="F1327" s="335" t="s">
        <v>607</v>
      </c>
      <c r="G1327" s="340" t="s">
        <v>1745</v>
      </c>
    </row>
    <row r="1328" spans="6:7">
      <c r="F1328" s="335" t="s">
        <v>607</v>
      </c>
      <c r="G1328" s="340" t="s">
        <v>853</v>
      </c>
    </row>
    <row r="1329" spans="6:7">
      <c r="F1329" s="335" t="s">
        <v>607</v>
      </c>
      <c r="G1329" s="340" t="s">
        <v>1746</v>
      </c>
    </row>
    <row r="1330" spans="6:7">
      <c r="F1330" s="335" t="s">
        <v>607</v>
      </c>
      <c r="G1330" s="340" t="s">
        <v>735</v>
      </c>
    </row>
    <row r="1331" spans="6:7">
      <c r="F1331" s="335" t="s">
        <v>607</v>
      </c>
      <c r="G1331" s="340" t="s">
        <v>1747</v>
      </c>
    </row>
    <row r="1332" spans="6:7">
      <c r="F1332" s="335" t="s">
        <v>607</v>
      </c>
      <c r="G1332" s="340" t="s">
        <v>1748</v>
      </c>
    </row>
    <row r="1333" spans="6:7">
      <c r="F1333" s="335" t="s">
        <v>607</v>
      </c>
      <c r="G1333" s="340" t="s">
        <v>1308</v>
      </c>
    </row>
    <row r="1334" spans="6:7">
      <c r="F1334" s="335" t="s">
        <v>607</v>
      </c>
      <c r="G1334" s="340" t="s">
        <v>1749</v>
      </c>
    </row>
    <row r="1335" spans="6:7">
      <c r="F1335" s="335" t="s">
        <v>607</v>
      </c>
      <c r="G1335" s="340" t="s">
        <v>1750</v>
      </c>
    </row>
    <row r="1336" spans="6:7">
      <c r="F1336" s="335" t="s">
        <v>607</v>
      </c>
      <c r="G1336" s="340" t="s">
        <v>1193</v>
      </c>
    </row>
    <row r="1337" spans="6:7">
      <c r="F1337" s="335" t="s">
        <v>607</v>
      </c>
      <c r="G1337" s="340" t="s">
        <v>1752</v>
      </c>
    </row>
    <row r="1338" spans="6:7">
      <c r="F1338" s="335" t="s">
        <v>607</v>
      </c>
      <c r="G1338" s="340" t="s">
        <v>1181</v>
      </c>
    </row>
    <row r="1339" spans="6:7">
      <c r="F1339" s="335" t="s">
        <v>420</v>
      </c>
      <c r="G1339" s="340" t="s">
        <v>1754</v>
      </c>
    </row>
    <row r="1340" spans="6:7">
      <c r="F1340" s="335" t="s">
        <v>420</v>
      </c>
      <c r="G1340" s="340" t="s">
        <v>1757</v>
      </c>
    </row>
    <row r="1341" spans="6:7">
      <c r="F1341" s="335" t="s">
        <v>420</v>
      </c>
      <c r="G1341" s="340" t="s">
        <v>1758</v>
      </c>
    </row>
    <row r="1342" spans="6:7">
      <c r="F1342" s="335" t="s">
        <v>420</v>
      </c>
      <c r="G1342" s="340" t="s">
        <v>1402</v>
      </c>
    </row>
    <row r="1343" spans="6:7">
      <c r="F1343" s="335" t="s">
        <v>420</v>
      </c>
      <c r="G1343" s="340" t="s">
        <v>93</v>
      </c>
    </row>
    <row r="1344" spans="6:7">
      <c r="F1344" s="335" t="s">
        <v>420</v>
      </c>
      <c r="G1344" s="340" t="s">
        <v>69</v>
      </c>
    </row>
    <row r="1345" spans="6:7">
      <c r="F1345" s="335" t="s">
        <v>420</v>
      </c>
      <c r="G1345" s="340" t="s">
        <v>183</v>
      </c>
    </row>
    <row r="1346" spans="6:7">
      <c r="F1346" s="335" t="s">
        <v>420</v>
      </c>
      <c r="G1346" s="340" t="s">
        <v>511</v>
      </c>
    </row>
    <row r="1347" spans="6:7">
      <c r="F1347" s="335" t="s">
        <v>420</v>
      </c>
      <c r="G1347" s="340" t="s">
        <v>1759</v>
      </c>
    </row>
    <row r="1348" spans="6:7">
      <c r="F1348" s="335" t="s">
        <v>420</v>
      </c>
      <c r="G1348" s="340" t="s">
        <v>1572</v>
      </c>
    </row>
    <row r="1349" spans="6:7">
      <c r="F1349" s="335" t="s">
        <v>420</v>
      </c>
      <c r="G1349" s="340" t="s">
        <v>1760</v>
      </c>
    </row>
    <row r="1350" spans="6:7">
      <c r="F1350" s="335" t="s">
        <v>420</v>
      </c>
      <c r="G1350" s="340" t="s">
        <v>934</v>
      </c>
    </row>
    <row r="1351" spans="6:7">
      <c r="F1351" s="335" t="s">
        <v>420</v>
      </c>
      <c r="G1351" s="340" t="s">
        <v>66</v>
      </c>
    </row>
    <row r="1352" spans="6:7">
      <c r="F1352" s="335" t="s">
        <v>420</v>
      </c>
      <c r="G1352" s="340" t="s">
        <v>1761</v>
      </c>
    </row>
    <row r="1353" spans="6:7">
      <c r="F1353" s="335" t="s">
        <v>420</v>
      </c>
      <c r="G1353" s="340" t="s">
        <v>905</v>
      </c>
    </row>
    <row r="1354" spans="6:7">
      <c r="F1354" s="335" t="s">
        <v>420</v>
      </c>
      <c r="G1354" s="340" t="s">
        <v>137</v>
      </c>
    </row>
    <row r="1355" spans="6:7">
      <c r="F1355" s="335" t="s">
        <v>420</v>
      </c>
      <c r="G1355" s="340" t="s">
        <v>1762</v>
      </c>
    </row>
    <row r="1356" spans="6:7">
      <c r="F1356" s="335" t="s">
        <v>420</v>
      </c>
      <c r="G1356" s="340" t="s">
        <v>1764</v>
      </c>
    </row>
    <row r="1357" spans="6:7">
      <c r="F1357" s="335" t="s">
        <v>420</v>
      </c>
      <c r="G1357" s="340" t="s">
        <v>1201</v>
      </c>
    </row>
    <row r="1358" spans="6:7">
      <c r="F1358" s="335" t="s">
        <v>420</v>
      </c>
      <c r="G1358" s="340" t="s">
        <v>1765</v>
      </c>
    </row>
    <row r="1359" spans="6:7">
      <c r="F1359" s="335" t="s">
        <v>420</v>
      </c>
      <c r="G1359" s="340" t="s">
        <v>1085</v>
      </c>
    </row>
    <row r="1360" spans="6:7">
      <c r="F1360" s="335" t="s">
        <v>420</v>
      </c>
      <c r="G1360" s="340" t="s">
        <v>661</v>
      </c>
    </row>
    <row r="1361" spans="6:7">
      <c r="F1361" s="335" t="s">
        <v>420</v>
      </c>
      <c r="G1361" s="340" t="s">
        <v>1766</v>
      </c>
    </row>
    <row r="1362" spans="6:7">
      <c r="F1362" s="335" t="s">
        <v>616</v>
      </c>
      <c r="G1362" s="340" t="s">
        <v>1681</v>
      </c>
    </row>
    <row r="1363" spans="6:7">
      <c r="F1363" s="335" t="s">
        <v>616</v>
      </c>
      <c r="G1363" s="340" t="s">
        <v>1767</v>
      </c>
    </row>
    <row r="1364" spans="6:7">
      <c r="F1364" s="335" t="s">
        <v>616</v>
      </c>
      <c r="G1364" s="340" t="s">
        <v>1768</v>
      </c>
    </row>
    <row r="1365" spans="6:7">
      <c r="F1365" s="335" t="s">
        <v>616</v>
      </c>
      <c r="G1365" s="340" t="s">
        <v>1206</v>
      </c>
    </row>
    <row r="1366" spans="6:7">
      <c r="F1366" s="335" t="s">
        <v>616</v>
      </c>
      <c r="G1366" s="340" t="s">
        <v>1197</v>
      </c>
    </row>
    <row r="1367" spans="6:7">
      <c r="F1367" s="335" t="s">
        <v>616</v>
      </c>
      <c r="G1367" s="340" t="s">
        <v>1770</v>
      </c>
    </row>
    <row r="1368" spans="6:7">
      <c r="F1368" s="335" t="s">
        <v>616</v>
      </c>
      <c r="G1368" s="340" t="s">
        <v>1771</v>
      </c>
    </row>
    <row r="1369" spans="6:7">
      <c r="F1369" s="335" t="s">
        <v>616</v>
      </c>
      <c r="G1369" s="340" t="s">
        <v>1372</v>
      </c>
    </row>
    <row r="1370" spans="6:7">
      <c r="F1370" s="335" t="s">
        <v>616</v>
      </c>
      <c r="G1370" s="340" t="s">
        <v>332</v>
      </c>
    </row>
    <row r="1371" spans="6:7">
      <c r="F1371" s="335" t="s">
        <v>616</v>
      </c>
      <c r="G1371" s="340" t="s">
        <v>1424</v>
      </c>
    </row>
    <row r="1372" spans="6:7">
      <c r="F1372" s="335" t="s">
        <v>616</v>
      </c>
      <c r="G1372" s="340" t="s">
        <v>1269</v>
      </c>
    </row>
    <row r="1373" spans="6:7">
      <c r="F1373" s="335" t="s">
        <v>616</v>
      </c>
      <c r="G1373" s="340" t="s">
        <v>1773</v>
      </c>
    </row>
    <row r="1374" spans="6:7">
      <c r="F1374" s="335" t="s">
        <v>616</v>
      </c>
      <c r="G1374" s="340" t="s">
        <v>1756</v>
      </c>
    </row>
    <row r="1375" spans="6:7">
      <c r="F1375" s="335" t="s">
        <v>616</v>
      </c>
      <c r="G1375" s="340" t="s">
        <v>1323</v>
      </c>
    </row>
    <row r="1376" spans="6:7">
      <c r="F1376" s="335" t="s">
        <v>616</v>
      </c>
      <c r="G1376" s="340" t="s">
        <v>1122</v>
      </c>
    </row>
    <row r="1377" spans="6:7">
      <c r="F1377" s="335" t="s">
        <v>616</v>
      </c>
      <c r="G1377" s="340" t="s">
        <v>1774</v>
      </c>
    </row>
    <row r="1378" spans="6:7">
      <c r="F1378" s="335" t="s">
        <v>616</v>
      </c>
      <c r="G1378" s="340" t="s">
        <v>1544</v>
      </c>
    </row>
    <row r="1379" spans="6:7">
      <c r="F1379" s="335" t="s">
        <v>616</v>
      </c>
      <c r="G1379" s="340" t="s">
        <v>1775</v>
      </c>
    </row>
    <row r="1380" spans="6:7">
      <c r="F1380" s="335" t="s">
        <v>616</v>
      </c>
      <c r="G1380" s="340" t="s">
        <v>445</v>
      </c>
    </row>
    <row r="1381" spans="6:7">
      <c r="F1381" s="335" t="s">
        <v>625</v>
      </c>
      <c r="G1381" s="340" t="s">
        <v>357</v>
      </c>
    </row>
    <row r="1382" spans="6:7">
      <c r="F1382" s="335" t="s">
        <v>625</v>
      </c>
      <c r="G1382" s="340" t="s">
        <v>436</v>
      </c>
    </row>
    <row r="1383" spans="6:7">
      <c r="F1383" s="335" t="s">
        <v>625</v>
      </c>
      <c r="G1383" s="340" t="s">
        <v>1138</v>
      </c>
    </row>
    <row r="1384" spans="6:7">
      <c r="F1384" s="335" t="s">
        <v>625</v>
      </c>
      <c r="G1384" s="340" t="s">
        <v>456</v>
      </c>
    </row>
    <row r="1385" spans="6:7">
      <c r="F1385" s="335" t="s">
        <v>625</v>
      </c>
      <c r="G1385" s="340" t="s">
        <v>1254</v>
      </c>
    </row>
    <row r="1386" spans="6:7">
      <c r="F1386" s="335" t="s">
        <v>625</v>
      </c>
      <c r="G1386" s="340" t="s">
        <v>1776</v>
      </c>
    </row>
    <row r="1387" spans="6:7">
      <c r="F1387" s="335" t="s">
        <v>625</v>
      </c>
      <c r="G1387" s="340" t="s">
        <v>1777</v>
      </c>
    </row>
    <row r="1388" spans="6:7">
      <c r="F1388" s="335" t="s">
        <v>625</v>
      </c>
      <c r="G1388" s="340" t="s">
        <v>1316</v>
      </c>
    </row>
    <row r="1389" spans="6:7">
      <c r="F1389" s="335" t="s">
        <v>625</v>
      </c>
      <c r="G1389" s="340" t="s">
        <v>31</v>
      </c>
    </row>
    <row r="1390" spans="6:7">
      <c r="F1390" s="335" t="s">
        <v>625</v>
      </c>
      <c r="G1390" s="340" t="s">
        <v>921</v>
      </c>
    </row>
    <row r="1391" spans="6:7">
      <c r="F1391" s="335" t="s">
        <v>625</v>
      </c>
      <c r="G1391" s="340" t="s">
        <v>1778</v>
      </c>
    </row>
    <row r="1392" spans="6:7">
      <c r="F1392" s="335" t="s">
        <v>625</v>
      </c>
      <c r="G1392" s="340" t="s">
        <v>1249</v>
      </c>
    </row>
    <row r="1393" spans="6:7">
      <c r="F1393" s="335" t="s">
        <v>625</v>
      </c>
      <c r="G1393" s="340" t="s">
        <v>1779</v>
      </c>
    </row>
    <row r="1394" spans="6:7">
      <c r="F1394" s="335" t="s">
        <v>625</v>
      </c>
      <c r="G1394" s="340" t="s">
        <v>1780</v>
      </c>
    </row>
    <row r="1395" spans="6:7">
      <c r="F1395" s="335" t="s">
        <v>625</v>
      </c>
      <c r="G1395" s="340" t="s">
        <v>1781</v>
      </c>
    </row>
    <row r="1396" spans="6:7">
      <c r="F1396" s="335" t="s">
        <v>625</v>
      </c>
      <c r="G1396" s="340" t="s">
        <v>316</v>
      </c>
    </row>
    <row r="1397" spans="6:7">
      <c r="F1397" s="335" t="s">
        <v>625</v>
      </c>
      <c r="G1397" s="340" t="s">
        <v>1782</v>
      </c>
    </row>
    <row r="1398" spans="6:7">
      <c r="F1398" s="335" t="s">
        <v>625</v>
      </c>
      <c r="G1398" s="340" t="s">
        <v>484</v>
      </c>
    </row>
    <row r="1399" spans="6:7">
      <c r="F1399" s="335" t="s">
        <v>625</v>
      </c>
      <c r="G1399" s="340" t="s">
        <v>879</v>
      </c>
    </row>
    <row r="1400" spans="6:7">
      <c r="F1400" s="335" t="s">
        <v>625</v>
      </c>
      <c r="G1400" s="340" t="s">
        <v>1783</v>
      </c>
    </row>
    <row r="1401" spans="6:7">
      <c r="F1401" s="335" t="s">
        <v>625</v>
      </c>
      <c r="G1401" s="340" t="s">
        <v>1129</v>
      </c>
    </row>
    <row r="1402" spans="6:7">
      <c r="F1402" s="335" t="s">
        <v>625</v>
      </c>
      <c r="G1402" s="340" t="s">
        <v>1784</v>
      </c>
    </row>
    <row r="1403" spans="6:7">
      <c r="F1403" s="335" t="s">
        <v>625</v>
      </c>
      <c r="G1403" s="340" t="s">
        <v>840</v>
      </c>
    </row>
    <row r="1404" spans="6:7">
      <c r="F1404" s="335" t="s">
        <v>625</v>
      </c>
      <c r="G1404" s="340" t="s">
        <v>412</v>
      </c>
    </row>
    <row r="1405" spans="6:7">
      <c r="F1405" s="335" t="s">
        <v>606</v>
      </c>
      <c r="G1405" s="340" t="s">
        <v>1786</v>
      </c>
    </row>
    <row r="1406" spans="6:7">
      <c r="F1406" s="335" t="s">
        <v>606</v>
      </c>
      <c r="G1406" s="340" t="s">
        <v>1787</v>
      </c>
    </row>
    <row r="1407" spans="6:7">
      <c r="F1407" s="335" t="s">
        <v>606</v>
      </c>
      <c r="G1407" s="340" t="s">
        <v>1788</v>
      </c>
    </row>
    <row r="1408" spans="6:7">
      <c r="F1408" s="335" t="s">
        <v>606</v>
      </c>
      <c r="G1408" s="340" t="s">
        <v>1790</v>
      </c>
    </row>
    <row r="1409" spans="6:7">
      <c r="F1409" s="335" t="s">
        <v>606</v>
      </c>
      <c r="G1409" s="340" t="s">
        <v>1791</v>
      </c>
    </row>
    <row r="1410" spans="6:7">
      <c r="F1410" s="335" t="s">
        <v>606</v>
      </c>
      <c r="G1410" s="340" t="s">
        <v>1792</v>
      </c>
    </row>
    <row r="1411" spans="6:7">
      <c r="F1411" s="335" t="s">
        <v>606</v>
      </c>
      <c r="G1411" s="340" t="s">
        <v>1740</v>
      </c>
    </row>
    <row r="1412" spans="6:7">
      <c r="F1412" s="335" t="s">
        <v>606</v>
      </c>
      <c r="G1412" s="340" t="s">
        <v>1311</v>
      </c>
    </row>
    <row r="1413" spans="6:7">
      <c r="F1413" s="335" t="s">
        <v>606</v>
      </c>
      <c r="G1413" s="340" t="s">
        <v>405</v>
      </c>
    </row>
    <row r="1414" spans="6:7">
      <c r="F1414" s="335" t="s">
        <v>606</v>
      </c>
      <c r="G1414" s="340" t="s">
        <v>81</v>
      </c>
    </row>
    <row r="1415" spans="6:7">
      <c r="F1415" s="335" t="s">
        <v>606</v>
      </c>
      <c r="G1415" s="340" t="s">
        <v>1793</v>
      </c>
    </row>
    <row r="1416" spans="6:7">
      <c r="F1416" s="335" t="s">
        <v>606</v>
      </c>
      <c r="G1416" s="340" t="s">
        <v>1795</v>
      </c>
    </row>
    <row r="1417" spans="6:7">
      <c r="F1417" s="335" t="s">
        <v>606</v>
      </c>
      <c r="G1417" s="340" t="s">
        <v>1796</v>
      </c>
    </row>
    <row r="1418" spans="6:7">
      <c r="F1418" s="335" t="s">
        <v>606</v>
      </c>
      <c r="G1418" s="340" t="s">
        <v>1797</v>
      </c>
    </row>
    <row r="1419" spans="6:7">
      <c r="F1419" s="335" t="s">
        <v>606</v>
      </c>
      <c r="G1419" s="340" t="s">
        <v>1798</v>
      </c>
    </row>
    <row r="1420" spans="6:7">
      <c r="F1420" s="335" t="s">
        <v>606</v>
      </c>
      <c r="G1420" s="340" t="s">
        <v>1751</v>
      </c>
    </row>
    <row r="1421" spans="6:7">
      <c r="F1421" s="335" t="s">
        <v>606</v>
      </c>
      <c r="G1421" s="340" t="s">
        <v>502</v>
      </c>
    </row>
    <row r="1422" spans="6:7">
      <c r="F1422" s="335" t="s">
        <v>638</v>
      </c>
      <c r="G1422" s="340" t="s">
        <v>1799</v>
      </c>
    </row>
    <row r="1423" spans="6:7">
      <c r="F1423" s="335" t="s">
        <v>638</v>
      </c>
      <c r="G1423" s="340" t="s">
        <v>1073</v>
      </c>
    </row>
    <row r="1424" spans="6:7">
      <c r="F1424" s="335" t="s">
        <v>638</v>
      </c>
      <c r="G1424" s="340" t="s">
        <v>1800</v>
      </c>
    </row>
    <row r="1425" spans="6:7">
      <c r="F1425" s="335" t="s">
        <v>638</v>
      </c>
      <c r="G1425" s="340" t="s">
        <v>1801</v>
      </c>
    </row>
    <row r="1426" spans="6:7">
      <c r="F1426" s="335" t="s">
        <v>638</v>
      </c>
      <c r="G1426" s="340" t="s">
        <v>158</v>
      </c>
    </row>
    <row r="1427" spans="6:7">
      <c r="F1427" s="335" t="s">
        <v>638</v>
      </c>
      <c r="G1427" s="340" t="s">
        <v>1803</v>
      </c>
    </row>
    <row r="1428" spans="6:7">
      <c r="F1428" s="335" t="s">
        <v>638</v>
      </c>
      <c r="G1428" s="340" t="s">
        <v>1804</v>
      </c>
    </row>
    <row r="1429" spans="6:7">
      <c r="F1429" s="335" t="s">
        <v>638</v>
      </c>
      <c r="G1429" s="340" t="s">
        <v>723</v>
      </c>
    </row>
    <row r="1430" spans="6:7">
      <c r="F1430" s="335" t="s">
        <v>638</v>
      </c>
      <c r="G1430" s="340" t="s">
        <v>1183</v>
      </c>
    </row>
    <row r="1431" spans="6:7">
      <c r="F1431" s="335" t="s">
        <v>638</v>
      </c>
      <c r="G1431" s="340" t="s">
        <v>898</v>
      </c>
    </row>
    <row r="1432" spans="6:7">
      <c r="F1432" s="335" t="s">
        <v>638</v>
      </c>
      <c r="G1432" s="340" t="s">
        <v>444</v>
      </c>
    </row>
    <row r="1433" spans="6:7">
      <c r="F1433" s="335" t="s">
        <v>638</v>
      </c>
      <c r="G1433" s="340" t="s">
        <v>561</v>
      </c>
    </row>
    <row r="1434" spans="6:7">
      <c r="F1434" s="335" t="s">
        <v>638</v>
      </c>
      <c r="G1434" s="340" t="s">
        <v>1805</v>
      </c>
    </row>
    <row r="1435" spans="6:7">
      <c r="F1435" s="335" t="s">
        <v>638</v>
      </c>
      <c r="G1435" s="340" t="s">
        <v>645</v>
      </c>
    </row>
    <row r="1436" spans="6:7">
      <c r="F1436" s="335" t="s">
        <v>638</v>
      </c>
      <c r="G1436" s="340" t="s">
        <v>936</v>
      </c>
    </row>
    <row r="1437" spans="6:7">
      <c r="F1437" s="335" t="s">
        <v>638</v>
      </c>
      <c r="G1437" s="340" t="s">
        <v>1806</v>
      </c>
    </row>
    <row r="1438" spans="6:7">
      <c r="F1438" s="335" t="s">
        <v>638</v>
      </c>
      <c r="G1438" s="340" t="s">
        <v>1808</v>
      </c>
    </row>
    <row r="1439" spans="6:7">
      <c r="F1439" s="335" t="s">
        <v>638</v>
      </c>
      <c r="G1439" s="340" t="s">
        <v>1809</v>
      </c>
    </row>
    <row r="1440" spans="6:7">
      <c r="F1440" s="335" t="s">
        <v>638</v>
      </c>
      <c r="G1440" s="340" t="s">
        <v>1811</v>
      </c>
    </row>
    <row r="1441" spans="6:7">
      <c r="F1441" s="335" t="s">
        <v>638</v>
      </c>
      <c r="G1441" s="340" t="s">
        <v>1812</v>
      </c>
    </row>
    <row r="1442" spans="6:7">
      <c r="F1442" s="335" t="s">
        <v>650</v>
      </c>
      <c r="G1442" s="340" t="s">
        <v>1303</v>
      </c>
    </row>
    <row r="1443" spans="6:7">
      <c r="F1443" s="335" t="s">
        <v>650</v>
      </c>
      <c r="G1443" s="340" t="s">
        <v>1583</v>
      </c>
    </row>
    <row r="1444" spans="6:7">
      <c r="F1444" s="335" t="s">
        <v>650</v>
      </c>
      <c r="G1444" s="340" t="s">
        <v>1432</v>
      </c>
    </row>
    <row r="1445" spans="6:7">
      <c r="F1445" s="335" t="s">
        <v>650</v>
      </c>
      <c r="G1445" s="340" t="s">
        <v>1059</v>
      </c>
    </row>
    <row r="1446" spans="6:7">
      <c r="F1446" s="335" t="s">
        <v>650</v>
      </c>
      <c r="G1446" s="340" t="s">
        <v>1374</v>
      </c>
    </row>
    <row r="1447" spans="6:7">
      <c r="F1447" s="335" t="s">
        <v>650</v>
      </c>
      <c r="G1447" s="340" t="s">
        <v>233</v>
      </c>
    </row>
    <row r="1448" spans="6:7">
      <c r="F1448" s="335" t="s">
        <v>650</v>
      </c>
      <c r="G1448" s="340" t="s">
        <v>1543</v>
      </c>
    </row>
    <row r="1449" spans="6:7">
      <c r="F1449" s="335" t="s">
        <v>650</v>
      </c>
      <c r="G1449" s="340" t="s">
        <v>1008</v>
      </c>
    </row>
    <row r="1450" spans="6:7">
      <c r="F1450" s="335" t="s">
        <v>650</v>
      </c>
      <c r="G1450" s="340" t="s">
        <v>975</v>
      </c>
    </row>
    <row r="1451" spans="6:7">
      <c r="F1451" s="335" t="s">
        <v>650</v>
      </c>
      <c r="G1451" s="340" t="s">
        <v>470</v>
      </c>
    </row>
    <row r="1452" spans="6:7">
      <c r="F1452" s="335" t="s">
        <v>650</v>
      </c>
      <c r="G1452" s="340" t="s">
        <v>745</v>
      </c>
    </row>
    <row r="1453" spans="6:7">
      <c r="F1453" s="335" t="s">
        <v>650</v>
      </c>
      <c r="G1453" s="340" t="s">
        <v>933</v>
      </c>
    </row>
    <row r="1454" spans="6:7">
      <c r="F1454" s="335" t="s">
        <v>650</v>
      </c>
      <c r="G1454" s="340" t="s">
        <v>1813</v>
      </c>
    </row>
    <row r="1455" spans="6:7">
      <c r="F1455" s="335" t="s">
        <v>650</v>
      </c>
      <c r="G1455" s="340" t="s">
        <v>1814</v>
      </c>
    </row>
    <row r="1456" spans="6:7">
      <c r="F1456" s="335" t="s">
        <v>650</v>
      </c>
      <c r="G1456" s="340" t="s">
        <v>1815</v>
      </c>
    </row>
    <row r="1457" spans="6:7">
      <c r="F1457" s="335" t="s">
        <v>650</v>
      </c>
      <c r="G1457" s="340" t="s">
        <v>1738</v>
      </c>
    </row>
    <row r="1458" spans="6:7">
      <c r="F1458" s="335" t="s">
        <v>650</v>
      </c>
      <c r="G1458" s="340" t="s">
        <v>1816</v>
      </c>
    </row>
    <row r="1459" spans="6:7">
      <c r="F1459" s="335" t="s">
        <v>650</v>
      </c>
      <c r="G1459" s="340" t="s">
        <v>1817</v>
      </c>
    </row>
    <row r="1460" spans="6:7">
      <c r="F1460" s="335" t="s">
        <v>650</v>
      </c>
      <c r="G1460" s="340" t="s">
        <v>1729</v>
      </c>
    </row>
    <row r="1461" spans="6:7">
      <c r="F1461" s="335" t="s">
        <v>650</v>
      </c>
      <c r="G1461" s="340" t="s">
        <v>1818</v>
      </c>
    </row>
    <row r="1462" spans="6:7">
      <c r="F1462" s="335" t="s">
        <v>650</v>
      </c>
      <c r="G1462" s="340" t="s">
        <v>1582</v>
      </c>
    </row>
    <row r="1463" spans="6:7">
      <c r="F1463" s="335" t="s">
        <v>650</v>
      </c>
      <c r="G1463" s="340" t="s">
        <v>1445</v>
      </c>
    </row>
    <row r="1464" spans="6:7">
      <c r="F1464" s="335" t="s">
        <v>650</v>
      </c>
      <c r="G1464" s="340" t="s">
        <v>970</v>
      </c>
    </row>
    <row r="1465" spans="6:7">
      <c r="F1465" s="335" t="s">
        <v>650</v>
      </c>
      <c r="G1465" s="340" t="s">
        <v>496</v>
      </c>
    </row>
    <row r="1466" spans="6:7">
      <c r="F1466" s="335" t="s">
        <v>650</v>
      </c>
      <c r="G1466" s="340" t="s">
        <v>799</v>
      </c>
    </row>
    <row r="1467" spans="6:7">
      <c r="F1467" s="335" t="s">
        <v>650</v>
      </c>
      <c r="G1467" s="340" t="s">
        <v>697</v>
      </c>
    </row>
    <row r="1468" spans="6:7">
      <c r="F1468" s="335" t="s">
        <v>650</v>
      </c>
      <c r="G1468" s="340" t="s">
        <v>1819</v>
      </c>
    </row>
    <row r="1469" spans="6:7">
      <c r="F1469" s="335" t="s">
        <v>650</v>
      </c>
      <c r="G1469" s="340" t="s">
        <v>517</v>
      </c>
    </row>
    <row r="1470" spans="6:7">
      <c r="F1470" s="335" t="s">
        <v>650</v>
      </c>
      <c r="G1470" s="340" t="s">
        <v>1820</v>
      </c>
    </row>
    <row r="1471" spans="6:7">
      <c r="F1471" s="335" t="s">
        <v>650</v>
      </c>
      <c r="G1471" s="340" t="s">
        <v>1821</v>
      </c>
    </row>
    <row r="1472" spans="6:7">
      <c r="F1472" s="335" t="s">
        <v>650</v>
      </c>
      <c r="G1472" s="340" t="s">
        <v>1822</v>
      </c>
    </row>
    <row r="1473" spans="6:7">
      <c r="F1473" s="335" t="s">
        <v>650</v>
      </c>
      <c r="G1473" s="340" t="s">
        <v>1823</v>
      </c>
    </row>
    <row r="1474" spans="6:7">
      <c r="F1474" s="335" t="s">
        <v>650</v>
      </c>
      <c r="G1474" s="340" t="s">
        <v>592</v>
      </c>
    </row>
    <row r="1475" spans="6:7">
      <c r="F1475" s="335" t="s">
        <v>650</v>
      </c>
      <c r="G1475" s="340" t="s">
        <v>1824</v>
      </c>
    </row>
    <row r="1476" spans="6:7">
      <c r="F1476" s="335" t="s">
        <v>653</v>
      </c>
      <c r="G1476" s="340" t="s">
        <v>1825</v>
      </c>
    </row>
    <row r="1477" spans="6:7">
      <c r="F1477" s="335" t="s">
        <v>653</v>
      </c>
      <c r="G1477" s="340" t="s">
        <v>1500</v>
      </c>
    </row>
    <row r="1478" spans="6:7">
      <c r="F1478" s="335" t="s">
        <v>653</v>
      </c>
      <c r="G1478" s="340" t="s">
        <v>1826</v>
      </c>
    </row>
    <row r="1479" spans="6:7">
      <c r="F1479" s="335" t="s">
        <v>653</v>
      </c>
      <c r="G1479" s="340" t="s">
        <v>277</v>
      </c>
    </row>
    <row r="1480" spans="6:7">
      <c r="F1480" s="335" t="s">
        <v>653</v>
      </c>
      <c r="G1480" s="340" t="s">
        <v>1827</v>
      </c>
    </row>
    <row r="1481" spans="6:7">
      <c r="F1481" s="335" t="s">
        <v>653</v>
      </c>
      <c r="G1481" s="340" t="s">
        <v>1828</v>
      </c>
    </row>
    <row r="1482" spans="6:7">
      <c r="F1482" s="335" t="s">
        <v>653</v>
      </c>
      <c r="G1482" s="340" t="s">
        <v>1829</v>
      </c>
    </row>
    <row r="1483" spans="6:7">
      <c r="F1483" s="335" t="s">
        <v>653</v>
      </c>
      <c r="G1483" s="340" t="s">
        <v>1772</v>
      </c>
    </row>
    <row r="1484" spans="6:7">
      <c r="F1484" s="335" t="s">
        <v>653</v>
      </c>
      <c r="G1484" s="340" t="s">
        <v>1703</v>
      </c>
    </row>
    <row r="1485" spans="6:7">
      <c r="F1485" s="335" t="s">
        <v>653</v>
      </c>
      <c r="G1485" s="340" t="s">
        <v>1830</v>
      </c>
    </row>
    <row r="1486" spans="6:7">
      <c r="F1486" s="335" t="s">
        <v>653</v>
      </c>
      <c r="G1486" s="340" t="s">
        <v>1497</v>
      </c>
    </row>
    <row r="1487" spans="6:7">
      <c r="F1487" s="335" t="s">
        <v>653</v>
      </c>
      <c r="G1487" s="340" t="s">
        <v>1831</v>
      </c>
    </row>
    <row r="1488" spans="6:7">
      <c r="F1488" s="335" t="s">
        <v>653</v>
      </c>
      <c r="G1488" s="340" t="s">
        <v>1102</v>
      </c>
    </row>
    <row r="1489" spans="6:7">
      <c r="F1489" s="335" t="s">
        <v>653</v>
      </c>
      <c r="G1489" s="340" t="s">
        <v>1832</v>
      </c>
    </row>
    <row r="1490" spans="6:7">
      <c r="F1490" s="335" t="s">
        <v>653</v>
      </c>
      <c r="G1490" s="340" t="s">
        <v>1833</v>
      </c>
    </row>
    <row r="1491" spans="6:7">
      <c r="F1491" s="335" t="s">
        <v>653</v>
      </c>
      <c r="G1491" s="340" t="s">
        <v>197</v>
      </c>
    </row>
    <row r="1492" spans="6:7">
      <c r="F1492" s="335" t="s">
        <v>653</v>
      </c>
      <c r="G1492" s="340" t="s">
        <v>1834</v>
      </c>
    </row>
    <row r="1493" spans="6:7">
      <c r="F1493" s="335" t="s">
        <v>653</v>
      </c>
      <c r="G1493" s="340" t="s">
        <v>1835</v>
      </c>
    </row>
    <row r="1494" spans="6:7">
      <c r="F1494" s="335" t="s">
        <v>653</v>
      </c>
      <c r="G1494" s="340" t="s">
        <v>1836</v>
      </c>
    </row>
    <row r="1495" spans="6:7">
      <c r="F1495" s="335" t="s">
        <v>653</v>
      </c>
      <c r="G1495" s="340" t="s">
        <v>1385</v>
      </c>
    </row>
    <row r="1496" spans="6:7">
      <c r="F1496" s="335" t="s">
        <v>653</v>
      </c>
      <c r="G1496" s="340" t="s">
        <v>1017</v>
      </c>
    </row>
    <row r="1497" spans="6:7">
      <c r="F1497" s="335" t="s">
        <v>653</v>
      </c>
      <c r="G1497" s="340" t="s">
        <v>1664</v>
      </c>
    </row>
    <row r="1498" spans="6:7">
      <c r="F1498" s="335" t="s">
        <v>653</v>
      </c>
      <c r="G1498" s="340" t="s">
        <v>1837</v>
      </c>
    </row>
    <row r="1499" spans="6:7">
      <c r="F1499" s="335" t="s">
        <v>653</v>
      </c>
      <c r="G1499" s="340" t="s">
        <v>1753</v>
      </c>
    </row>
    <row r="1500" spans="6:7">
      <c r="F1500" s="335" t="s">
        <v>653</v>
      </c>
      <c r="G1500" s="340" t="s">
        <v>1329</v>
      </c>
    </row>
    <row r="1501" spans="6:7">
      <c r="F1501" s="335" t="s">
        <v>653</v>
      </c>
      <c r="G1501" s="340" t="s">
        <v>1838</v>
      </c>
    </row>
    <row r="1502" spans="6:7">
      <c r="F1502" s="335" t="s">
        <v>653</v>
      </c>
      <c r="G1502" s="340" t="s">
        <v>1839</v>
      </c>
    </row>
    <row r="1503" spans="6:7">
      <c r="F1503" s="335" t="s">
        <v>653</v>
      </c>
      <c r="G1503" s="340" t="s">
        <v>1840</v>
      </c>
    </row>
    <row r="1504" spans="6:7">
      <c r="F1504" s="335" t="s">
        <v>1408</v>
      </c>
      <c r="G1504" s="340" t="s">
        <v>913</v>
      </c>
    </row>
    <row r="1505" spans="6:7">
      <c r="F1505" s="335" t="s">
        <v>653</v>
      </c>
      <c r="G1505" s="340" t="s">
        <v>1204</v>
      </c>
    </row>
    <row r="1506" spans="6:7">
      <c r="F1506" s="335" t="s">
        <v>653</v>
      </c>
      <c r="G1506" s="340" t="s">
        <v>634</v>
      </c>
    </row>
    <row r="1507" spans="6:7">
      <c r="F1507" s="335" t="s">
        <v>653</v>
      </c>
      <c r="G1507" s="340" t="s">
        <v>1617</v>
      </c>
    </row>
    <row r="1508" spans="6:7">
      <c r="F1508" s="335" t="s">
        <v>653</v>
      </c>
      <c r="G1508" s="340" t="s">
        <v>1841</v>
      </c>
    </row>
    <row r="1509" spans="6:7">
      <c r="F1509" s="335" t="s">
        <v>653</v>
      </c>
      <c r="G1509" s="340" t="s">
        <v>1842</v>
      </c>
    </row>
    <row r="1510" spans="6:7">
      <c r="F1510" s="335" t="s">
        <v>653</v>
      </c>
      <c r="G1510" s="340" t="s">
        <v>1490</v>
      </c>
    </row>
    <row r="1511" spans="6:7">
      <c r="F1511" s="335" t="s">
        <v>653</v>
      </c>
      <c r="G1511" s="340" t="s">
        <v>206</v>
      </c>
    </row>
    <row r="1512" spans="6:7">
      <c r="F1512" s="335" t="s">
        <v>653</v>
      </c>
      <c r="G1512" s="340" t="s">
        <v>1843</v>
      </c>
    </row>
    <row r="1513" spans="6:7">
      <c r="F1513" s="335" t="s">
        <v>653</v>
      </c>
      <c r="G1513" s="340" t="s">
        <v>1737</v>
      </c>
    </row>
    <row r="1514" spans="6:7">
      <c r="F1514" s="335" t="s">
        <v>653</v>
      </c>
      <c r="G1514" s="340" t="s">
        <v>1844</v>
      </c>
    </row>
    <row r="1515" spans="6:7">
      <c r="F1515" s="335" t="s">
        <v>653</v>
      </c>
      <c r="G1515" s="340" t="s">
        <v>1413</v>
      </c>
    </row>
    <row r="1516" spans="6:7">
      <c r="F1516" s="335" t="s">
        <v>653</v>
      </c>
      <c r="G1516" s="340" t="s">
        <v>1421</v>
      </c>
    </row>
    <row r="1517" spans="6:7">
      <c r="F1517" s="335" t="s">
        <v>653</v>
      </c>
      <c r="G1517" s="340" t="s">
        <v>943</v>
      </c>
    </row>
    <row r="1518" spans="6:7">
      <c r="F1518" s="335" t="s">
        <v>653</v>
      </c>
      <c r="G1518" s="340" t="s">
        <v>1755</v>
      </c>
    </row>
    <row r="1519" spans="6:7">
      <c r="F1519" s="335" t="s">
        <v>653</v>
      </c>
      <c r="G1519" s="340" t="s">
        <v>1845</v>
      </c>
    </row>
    <row r="1520" spans="6:7">
      <c r="F1520" s="335" t="s">
        <v>653</v>
      </c>
      <c r="G1520" s="340" t="s">
        <v>1846</v>
      </c>
    </row>
    <row r="1521" spans="6:7">
      <c r="F1521" s="335" t="s">
        <v>653</v>
      </c>
      <c r="G1521" s="340" t="s">
        <v>1847</v>
      </c>
    </row>
    <row r="1522" spans="6:7">
      <c r="F1522" s="335" t="s">
        <v>653</v>
      </c>
      <c r="G1522" s="340" t="s">
        <v>1848</v>
      </c>
    </row>
    <row r="1523" spans="6:7">
      <c r="F1523" s="335" t="s">
        <v>653</v>
      </c>
      <c r="G1523" s="340" t="s">
        <v>1692</v>
      </c>
    </row>
    <row r="1524" spans="6:7">
      <c r="F1524" s="335" t="s">
        <v>653</v>
      </c>
      <c r="G1524" s="340" t="s">
        <v>1849</v>
      </c>
    </row>
    <row r="1525" spans="6:7">
      <c r="F1525" s="335" t="s">
        <v>653</v>
      </c>
      <c r="G1525" s="340" t="s">
        <v>263</v>
      </c>
    </row>
    <row r="1526" spans="6:7">
      <c r="F1526" s="335" t="s">
        <v>653</v>
      </c>
      <c r="G1526" s="340" t="s">
        <v>1850</v>
      </c>
    </row>
    <row r="1527" spans="6:7">
      <c r="F1527" s="335" t="s">
        <v>653</v>
      </c>
      <c r="G1527" s="340" t="s">
        <v>951</v>
      </c>
    </row>
    <row r="1528" spans="6:7">
      <c r="F1528" s="335" t="s">
        <v>653</v>
      </c>
      <c r="G1528" s="340" t="s">
        <v>1851</v>
      </c>
    </row>
    <row r="1529" spans="6:7">
      <c r="F1529" s="335" t="s">
        <v>653</v>
      </c>
      <c r="G1529" s="340" t="s">
        <v>1853</v>
      </c>
    </row>
    <row r="1530" spans="6:7">
      <c r="F1530" s="335" t="s">
        <v>653</v>
      </c>
      <c r="G1530" s="340" t="s">
        <v>1141</v>
      </c>
    </row>
    <row r="1531" spans="6:7">
      <c r="F1531" s="335" t="s">
        <v>653</v>
      </c>
      <c r="G1531" s="340" t="s">
        <v>532</v>
      </c>
    </row>
    <row r="1532" spans="6:7">
      <c r="F1532" s="335" t="s">
        <v>653</v>
      </c>
      <c r="G1532" s="340" t="s">
        <v>1854</v>
      </c>
    </row>
    <row r="1533" spans="6:7">
      <c r="F1533" s="335" t="s">
        <v>653</v>
      </c>
      <c r="G1533" s="340" t="s">
        <v>867</v>
      </c>
    </row>
    <row r="1534" spans="6:7">
      <c r="F1534" s="335" t="s">
        <v>653</v>
      </c>
      <c r="G1534" s="340" t="s">
        <v>1856</v>
      </c>
    </row>
    <row r="1535" spans="6:7">
      <c r="F1535" s="335" t="s">
        <v>653</v>
      </c>
      <c r="G1535" s="340" t="s">
        <v>1858</v>
      </c>
    </row>
    <row r="1536" spans="6:7">
      <c r="F1536" s="335" t="s">
        <v>657</v>
      </c>
      <c r="G1536" s="340" t="s">
        <v>1677</v>
      </c>
    </row>
    <row r="1537" spans="6:7">
      <c r="F1537" s="335" t="s">
        <v>657</v>
      </c>
      <c r="G1537" s="340" t="s">
        <v>1859</v>
      </c>
    </row>
    <row r="1538" spans="6:7">
      <c r="F1538" s="335" t="s">
        <v>657</v>
      </c>
      <c r="G1538" s="340" t="s">
        <v>1860</v>
      </c>
    </row>
    <row r="1539" spans="6:7">
      <c r="F1539" s="335" t="s">
        <v>657</v>
      </c>
      <c r="G1539" s="340" t="s">
        <v>1861</v>
      </c>
    </row>
    <row r="1540" spans="6:7">
      <c r="F1540" s="335" t="s">
        <v>657</v>
      </c>
      <c r="G1540" s="340" t="s">
        <v>1862</v>
      </c>
    </row>
    <row r="1541" spans="6:7">
      <c r="F1541" s="335" t="s">
        <v>657</v>
      </c>
      <c r="G1541" s="340" t="s">
        <v>1448</v>
      </c>
    </row>
    <row r="1542" spans="6:7">
      <c r="F1542" s="335" t="s">
        <v>657</v>
      </c>
      <c r="G1542" s="340" t="s">
        <v>1863</v>
      </c>
    </row>
    <row r="1543" spans="6:7">
      <c r="F1543" s="335" t="s">
        <v>657</v>
      </c>
      <c r="G1543" s="340" t="s">
        <v>1864</v>
      </c>
    </row>
    <row r="1544" spans="6:7">
      <c r="F1544" s="335" t="s">
        <v>657</v>
      </c>
      <c r="G1544" s="340" t="s">
        <v>1865</v>
      </c>
    </row>
    <row r="1545" spans="6:7">
      <c r="F1545" s="335" t="s">
        <v>657</v>
      </c>
      <c r="G1545" s="340" t="s">
        <v>510</v>
      </c>
    </row>
    <row r="1546" spans="6:7">
      <c r="F1546" s="335" t="s">
        <v>657</v>
      </c>
      <c r="G1546" s="340" t="s">
        <v>1485</v>
      </c>
    </row>
    <row r="1547" spans="6:7">
      <c r="F1547" s="335" t="s">
        <v>657</v>
      </c>
      <c r="G1547" s="340" t="s">
        <v>1281</v>
      </c>
    </row>
    <row r="1548" spans="6:7">
      <c r="F1548" s="335" t="s">
        <v>657</v>
      </c>
      <c r="G1548" s="340" t="s">
        <v>885</v>
      </c>
    </row>
    <row r="1549" spans="6:7">
      <c r="F1549" s="335" t="s">
        <v>657</v>
      </c>
      <c r="G1549" s="340" t="s">
        <v>399</v>
      </c>
    </row>
    <row r="1550" spans="6:7">
      <c r="F1550" s="335" t="s">
        <v>657</v>
      </c>
      <c r="G1550" s="340" t="s">
        <v>1867</v>
      </c>
    </row>
    <row r="1551" spans="6:7">
      <c r="F1551" s="335" t="s">
        <v>657</v>
      </c>
      <c r="G1551" s="340" t="s">
        <v>1327</v>
      </c>
    </row>
    <row r="1552" spans="6:7">
      <c r="F1552" s="335" t="s">
        <v>657</v>
      </c>
      <c r="G1552" s="340" t="s">
        <v>283</v>
      </c>
    </row>
    <row r="1553" spans="6:7">
      <c r="F1553" s="335" t="s">
        <v>657</v>
      </c>
      <c r="G1553" s="340" t="s">
        <v>1868</v>
      </c>
    </row>
    <row r="1554" spans="6:7">
      <c r="F1554" s="335" t="s">
        <v>657</v>
      </c>
      <c r="G1554" s="340" t="s">
        <v>1114</v>
      </c>
    </row>
    <row r="1555" spans="6:7">
      <c r="F1555" s="335" t="s">
        <v>657</v>
      </c>
      <c r="G1555" s="340" t="s">
        <v>134</v>
      </c>
    </row>
    <row r="1556" spans="6:7">
      <c r="F1556" s="335" t="s">
        <v>662</v>
      </c>
      <c r="G1556" s="340" t="s">
        <v>392</v>
      </c>
    </row>
    <row r="1557" spans="6:7">
      <c r="F1557" s="335" t="s">
        <v>662</v>
      </c>
      <c r="G1557" s="340" t="s">
        <v>22</v>
      </c>
    </row>
    <row r="1558" spans="6:7">
      <c r="F1558" s="335" t="s">
        <v>662</v>
      </c>
      <c r="G1558" s="340" t="s">
        <v>211</v>
      </c>
    </row>
    <row r="1559" spans="6:7">
      <c r="F1559" s="335" t="s">
        <v>662</v>
      </c>
      <c r="G1559" s="340" t="s">
        <v>1706</v>
      </c>
    </row>
    <row r="1560" spans="6:7">
      <c r="F1560" s="335" t="s">
        <v>662</v>
      </c>
      <c r="G1560" s="340" t="s">
        <v>1869</v>
      </c>
    </row>
    <row r="1561" spans="6:7">
      <c r="F1561" s="335" t="s">
        <v>662</v>
      </c>
      <c r="G1561" s="340" t="s">
        <v>370</v>
      </c>
    </row>
    <row r="1562" spans="6:7">
      <c r="F1562" s="335" t="s">
        <v>662</v>
      </c>
      <c r="G1562" s="340" t="s">
        <v>1870</v>
      </c>
    </row>
    <row r="1563" spans="6:7">
      <c r="F1563" s="335" t="s">
        <v>662</v>
      </c>
      <c r="G1563" s="340" t="s">
        <v>1871</v>
      </c>
    </row>
    <row r="1564" spans="6:7">
      <c r="F1564" s="335" t="s">
        <v>662</v>
      </c>
      <c r="G1564" s="340" t="s">
        <v>787</v>
      </c>
    </row>
    <row r="1565" spans="6:7">
      <c r="F1565" s="335" t="s">
        <v>662</v>
      </c>
      <c r="G1565" s="340" t="s">
        <v>274</v>
      </c>
    </row>
    <row r="1566" spans="6:7">
      <c r="F1566" s="335" t="s">
        <v>662</v>
      </c>
      <c r="G1566" s="340" t="s">
        <v>276</v>
      </c>
    </row>
    <row r="1567" spans="6:7">
      <c r="F1567" s="335" t="s">
        <v>662</v>
      </c>
      <c r="G1567" s="340" t="s">
        <v>1052</v>
      </c>
    </row>
    <row r="1568" spans="6:7">
      <c r="F1568" s="335" t="s">
        <v>662</v>
      </c>
      <c r="G1568" s="340" t="s">
        <v>1794</v>
      </c>
    </row>
    <row r="1569" spans="6:7">
      <c r="F1569" s="335" t="s">
        <v>662</v>
      </c>
      <c r="G1569" s="340" t="s">
        <v>1763</v>
      </c>
    </row>
    <row r="1570" spans="6:7">
      <c r="F1570" s="335" t="s">
        <v>662</v>
      </c>
      <c r="G1570" s="340" t="s">
        <v>1872</v>
      </c>
    </row>
    <row r="1571" spans="6:7">
      <c r="F1571" s="335" t="s">
        <v>662</v>
      </c>
      <c r="G1571" s="340" t="s">
        <v>1873</v>
      </c>
    </row>
    <row r="1572" spans="6:7">
      <c r="F1572" s="335" t="s">
        <v>662</v>
      </c>
      <c r="G1572" s="340" t="s">
        <v>1874</v>
      </c>
    </row>
    <row r="1573" spans="6:7">
      <c r="F1573" s="335" t="s">
        <v>662</v>
      </c>
      <c r="G1573" s="340" t="s">
        <v>1875</v>
      </c>
    </row>
    <row r="1574" spans="6:7">
      <c r="F1574" s="335" t="s">
        <v>662</v>
      </c>
      <c r="G1574" s="340" t="s">
        <v>1877</v>
      </c>
    </row>
    <row r="1575" spans="6:7">
      <c r="F1575" s="335" t="s">
        <v>662</v>
      </c>
      <c r="G1575" s="340" t="s">
        <v>760</v>
      </c>
    </row>
    <row r="1576" spans="6:7">
      <c r="F1576" s="335" t="s">
        <v>662</v>
      </c>
      <c r="G1576" s="340" t="s">
        <v>417</v>
      </c>
    </row>
    <row r="1577" spans="6:7">
      <c r="F1577" s="335" t="s">
        <v>666</v>
      </c>
      <c r="G1577" s="340" t="s">
        <v>1878</v>
      </c>
    </row>
    <row r="1578" spans="6:7">
      <c r="F1578" s="335" t="s">
        <v>666</v>
      </c>
      <c r="G1578" s="340" t="s">
        <v>244</v>
      </c>
    </row>
    <row r="1579" spans="6:7">
      <c r="F1579" s="335" t="s">
        <v>666</v>
      </c>
      <c r="G1579" s="340" t="s">
        <v>1857</v>
      </c>
    </row>
    <row r="1580" spans="6:7">
      <c r="F1580" s="335" t="s">
        <v>666</v>
      </c>
      <c r="G1580" s="340" t="s">
        <v>1879</v>
      </c>
    </row>
    <row r="1581" spans="6:7">
      <c r="F1581" s="335" t="s">
        <v>666</v>
      </c>
      <c r="G1581" s="340" t="s">
        <v>1880</v>
      </c>
    </row>
    <row r="1582" spans="6:7">
      <c r="F1582" s="335" t="s">
        <v>666</v>
      </c>
      <c r="G1582" s="340" t="s">
        <v>1881</v>
      </c>
    </row>
    <row r="1583" spans="6:7">
      <c r="F1583" s="335" t="s">
        <v>666</v>
      </c>
      <c r="G1583" s="340" t="s">
        <v>476</v>
      </c>
    </row>
    <row r="1584" spans="6:7">
      <c r="F1584" s="335" t="s">
        <v>666</v>
      </c>
      <c r="G1584" s="340" t="s">
        <v>1882</v>
      </c>
    </row>
    <row r="1585" spans="6:7">
      <c r="F1585" s="335" t="s">
        <v>666</v>
      </c>
      <c r="G1585" s="340" t="s">
        <v>481</v>
      </c>
    </row>
    <row r="1586" spans="6:7">
      <c r="F1586" s="335" t="s">
        <v>666</v>
      </c>
      <c r="G1586" s="340" t="s">
        <v>1807</v>
      </c>
    </row>
    <row r="1587" spans="6:7">
      <c r="F1587" s="335" t="s">
        <v>666</v>
      </c>
      <c r="G1587" s="340" t="s">
        <v>1883</v>
      </c>
    </row>
    <row r="1588" spans="6:7">
      <c r="F1588" s="335" t="s">
        <v>666</v>
      </c>
      <c r="G1588" s="340" t="s">
        <v>988</v>
      </c>
    </row>
    <row r="1589" spans="6:7">
      <c r="F1589" s="335" t="s">
        <v>666</v>
      </c>
      <c r="G1589" s="340" t="s">
        <v>464</v>
      </c>
    </row>
    <row r="1590" spans="6:7">
      <c r="F1590" s="335" t="s">
        <v>666</v>
      </c>
      <c r="G1590" s="340" t="s">
        <v>1884</v>
      </c>
    </row>
    <row r="1591" spans="6:7">
      <c r="F1591" s="335" t="s">
        <v>666</v>
      </c>
      <c r="G1591" s="340" t="s">
        <v>968</v>
      </c>
    </row>
    <row r="1592" spans="6:7">
      <c r="F1592" s="335" t="s">
        <v>666</v>
      </c>
      <c r="G1592" s="340" t="s">
        <v>1885</v>
      </c>
    </row>
    <row r="1593" spans="6:7">
      <c r="F1593" s="335" t="s">
        <v>666</v>
      </c>
      <c r="G1593" s="340" t="s">
        <v>1586</v>
      </c>
    </row>
    <row r="1594" spans="6:7">
      <c r="F1594" s="335" t="s">
        <v>666</v>
      </c>
      <c r="G1594" s="340" t="s">
        <v>1672</v>
      </c>
    </row>
    <row r="1595" spans="6:7">
      <c r="F1595" s="335" t="s">
        <v>666</v>
      </c>
      <c r="G1595" s="340" t="s">
        <v>1866</v>
      </c>
    </row>
    <row r="1596" spans="6:7">
      <c r="F1596" s="335" t="s">
        <v>666</v>
      </c>
      <c r="G1596" s="340" t="s">
        <v>689</v>
      </c>
    </row>
    <row r="1597" spans="6:7">
      <c r="F1597" s="335" t="s">
        <v>666</v>
      </c>
      <c r="G1597" s="340" t="s">
        <v>1886</v>
      </c>
    </row>
    <row r="1598" spans="6:7">
      <c r="F1598" s="335" t="s">
        <v>666</v>
      </c>
      <c r="G1598" s="340" t="s">
        <v>870</v>
      </c>
    </row>
    <row r="1599" spans="6:7">
      <c r="F1599" s="335" t="s">
        <v>666</v>
      </c>
      <c r="G1599" s="340" t="s">
        <v>605</v>
      </c>
    </row>
    <row r="1600" spans="6:7">
      <c r="F1600" s="335" t="s">
        <v>666</v>
      </c>
      <c r="G1600" s="340" t="s">
        <v>1887</v>
      </c>
    </row>
    <row r="1601" spans="6:7">
      <c r="F1601" s="335" t="s">
        <v>666</v>
      </c>
      <c r="G1601" s="340" t="s">
        <v>1454</v>
      </c>
    </row>
    <row r="1602" spans="6:7">
      <c r="F1602" s="335" t="s">
        <v>666</v>
      </c>
      <c r="G1602" s="340" t="s">
        <v>1888</v>
      </c>
    </row>
    <row r="1603" spans="6:7">
      <c r="F1603" s="335" t="s">
        <v>666</v>
      </c>
      <c r="G1603" s="340" t="s">
        <v>1708</v>
      </c>
    </row>
    <row r="1604" spans="6:7">
      <c r="F1604" s="335" t="s">
        <v>666</v>
      </c>
      <c r="G1604" s="340" t="s">
        <v>1889</v>
      </c>
    </row>
    <row r="1605" spans="6:7">
      <c r="F1605" s="335" t="s">
        <v>666</v>
      </c>
      <c r="G1605" s="340" t="s">
        <v>68</v>
      </c>
    </row>
    <row r="1606" spans="6:7">
      <c r="F1606" s="335" t="s">
        <v>666</v>
      </c>
      <c r="G1606" s="340" t="s">
        <v>1727</v>
      </c>
    </row>
    <row r="1607" spans="6:7">
      <c r="F1607" s="335" t="s">
        <v>666</v>
      </c>
      <c r="G1607" s="340" t="s">
        <v>649</v>
      </c>
    </row>
    <row r="1608" spans="6:7">
      <c r="F1608" s="335" t="s">
        <v>666</v>
      </c>
      <c r="G1608" s="340" t="s">
        <v>803</v>
      </c>
    </row>
    <row r="1609" spans="6:7">
      <c r="F1609" s="335" t="s">
        <v>666</v>
      </c>
      <c r="G1609" s="340" t="s">
        <v>12</v>
      </c>
    </row>
    <row r="1610" spans="6:7">
      <c r="F1610" s="335" t="s">
        <v>666</v>
      </c>
      <c r="G1610" s="340" t="s">
        <v>1890</v>
      </c>
    </row>
    <row r="1611" spans="6:7">
      <c r="F1611" s="335" t="s">
        <v>666</v>
      </c>
      <c r="G1611" s="340" t="s">
        <v>1891</v>
      </c>
    </row>
    <row r="1612" spans="6:7">
      <c r="F1612" s="335" t="s">
        <v>666</v>
      </c>
      <c r="G1612" s="340" t="s">
        <v>1733</v>
      </c>
    </row>
    <row r="1613" spans="6:7">
      <c r="F1613" s="335" t="s">
        <v>666</v>
      </c>
      <c r="G1613" s="340" t="s">
        <v>1892</v>
      </c>
    </row>
    <row r="1614" spans="6:7">
      <c r="F1614" s="335" t="s">
        <v>666</v>
      </c>
      <c r="G1614" s="340" t="s">
        <v>1893</v>
      </c>
    </row>
    <row r="1615" spans="6:7">
      <c r="F1615" s="335" t="s">
        <v>666</v>
      </c>
      <c r="G1615" s="340" t="s">
        <v>1113</v>
      </c>
    </row>
    <row r="1616" spans="6:7">
      <c r="F1616" s="335" t="s">
        <v>666</v>
      </c>
      <c r="G1616" s="340" t="s">
        <v>1895</v>
      </c>
    </row>
    <row r="1617" spans="6:7">
      <c r="F1617" s="335" t="s">
        <v>666</v>
      </c>
      <c r="G1617" s="340" t="s">
        <v>798</v>
      </c>
    </row>
    <row r="1618" spans="6:7">
      <c r="F1618" s="335" t="s">
        <v>666</v>
      </c>
      <c r="G1618" s="340" t="s">
        <v>1347</v>
      </c>
    </row>
    <row r="1619" spans="6:7">
      <c r="F1619" s="335" t="s">
        <v>666</v>
      </c>
      <c r="G1619" s="340" t="s">
        <v>1578</v>
      </c>
    </row>
    <row r="1620" spans="6:7">
      <c r="F1620" s="335" t="s">
        <v>666</v>
      </c>
      <c r="G1620" s="340" t="s">
        <v>1077</v>
      </c>
    </row>
    <row r="1621" spans="6:7">
      <c r="F1621" s="335" t="s">
        <v>666</v>
      </c>
      <c r="G1621" s="340" t="s">
        <v>1896</v>
      </c>
    </row>
    <row r="1622" spans="6:7">
      <c r="F1622" s="335" t="s">
        <v>506</v>
      </c>
      <c r="G1622" s="340" t="s">
        <v>27</v>
      </c>
    </row>
    <row r="1623" spans="6:7">
      <c r="F1623" s="335" t="s">
        <v>506</v>
      </c>
      <c r="G1623" s="340" t="s">
        <v>1897</v>
      </c>
    </row>
    <row r="1624" spans="6:7">
      <c r="F1624" s="335" t="s">
        <v>506</v>
      </c>
      <c r="G1624" s="340" t="s">
        <v>1898</v>
      </c>
    </row>
    <row r="1625" spans="6:7">
      <c r="F1625" s="335" t="s">
        <v>506</v>
      </c>
      <c r="G1625" s="340" t="s">
        <v>1899</v>
      </c>
    </row>
    <row r="1626" spans="6:7">
      <c r="F1626" s="335" t="s">
        <v>506</v>
      </c>
      <c r="G1626" s="340" t="s">
        <v>246</v>
      </c>
    </row>
    <row r="1627" spans="6:7">
      <c r="F1627" s="335" t="s">
        <v>506</v>
      </c>
      <c r="G1627" s="340" t="s">
        <v>1901</v>
      </c>
    </row>
    <row r="1628" spans="6:7">
      <c r="F1628" s="335" t="s">
        <v>506</v>
      </c>
      <c r="G1628" s="340" t="s">
        <v>1810</v>
      </c>
    </row>
    <row r="1629" spans="6:7">
      <c r="F1629" s="335" t="s">
        <v>506</v>
      </c>
      <c r="G1629" s="340" t="s">
        <v>877</v>
      </c>
    </row>
    <row r="1630" spans="6:7">
      <c r="F1630" s="335" t="s">
        <v>506</v>
      </c>
      <c r="G1630" s="340" t="s">
        <v>1902</v>
      </c>
    </row>
    <row r="1631" spans="6:7">
      <c r="F1631" s="335" t="s">
        <v>506</v>
      </c>
      <c r="G1631" s="340" t="s">
        <v>967</v>
      </c>
    </row>
    <row r="1632" spans="6:7">
      <c r="F1632" s="335" t="s">
        <v>506</v>
      </c>
      <c r="G1632" s="340" t="s">
        <v>1903</v>
      </c>
    </row>
    <row r="1633" spans="6:7">
      <c r="F1633" s="335" t="s">
        <v>506</v>
      </c>
      <c r="G1633" s="340" t="s">
        <v>796</v>
      </c>
    </row>
    <row r="1634" spans="6:7">
      <c r="F1634" s="335" t="s">
        <v>506</v>
      </c>
      <c r="G1634" s="340" t="s">
        <v>1904</v>
      </c>
    </row>
    <row r="1635" spans="6:7">
      <c r="F1635" s="335" t="s">
        <v>506</v>
      </c>
      <c r="G1635" s="340" t="s">
        <v>1905</v>
      </c>
    </row>
    <row r="1636" spans="6:7">
      <c r="F1636" s="335" t="s">
        <v>506</v>
      </c>
      <c r="G1636" s="340" t="s">
        <v>1906</v>
      </c>
    </row>
    <row r="1637" spans="6:7">
      <c r="F1637" s="335" t="s">
        <v>506</v>
      </c>
      <c r="G1637" s="340" t="s">
        <v>1907</v>
      </c>
    </row>
    <row r="1638" spans="6:7">
      <c r="F1638" s="335" t="s">
        <v>506</v>
      </c>
      <c r="G1638" s="340" t="s">
        <v>1908</v>
      </c>
    </row>
    <row r="1639" spans="6:7">
      <c r="F1639" s="335" t="s">
        <v>506</v>
      </c>
      <c r="G1639" s="340" t="s">
        <v>143</v>
      </c>
    </row>
    <row r="1640" spans="6:7">
      <c r="F1640" s="335" t="s">
        <v>18</v>
      </c>
      <c r="G1640" s="340" t="s">
        <v>95</v>
      </c>
    </row>
    <row r="1641" spans="6:7">
      <c r="F1641" s="335" t="s">
        <v>18</v>
      </c>
      <c r="G1641" s="340" t="s">
        <v>627</v>
      </c>
    </row>
    <row r="1642" spans="6:7">
      <c r="F1642" s="335" t="s">
        <v>18</v>
      </c>
      <c r="G1642" s="340" t="s">
        <v>1802</v>
      </c>
    </row>
    <row r="1643" spans="6:7">
      <c r="F1643" s="335" t="s">
        <v>18</v>
      </c>
      <c r="G1643" s="340" t="s">
        <v>1909</v>
      </c>
    </row>
    <row r="1644" spans="6:7">
      <c r="F1644" s="335" t="s">
        <v>18</v>
      </c>
      <c r="G1644" s="340" t="s">
        <v>1910</v>
      </c>
    </row>
    <row r="1645" spans="6:7">
      <c r="F1645" s="335" t="s">
        <v>18</v>
      </c>
      <c r="G1645" s="340" t="s">
        <v>1420</v>
      </c>
    </row>
    <row r="1646" spans="6:7">
      <c r="F1646" s="335" t="s">
        <v>18</v>
      </c>
      <c r="G1646" s="340" t="s">
        <v>1472</v>
      </c>
    </row>
    <row r="1647" spans="6:7">
      <c r="F1647" s="335" t="s">
        <v>18</v>
      </c>
      <c r="G1647" s="340" t="s">
        <v>1911</v>
      </c>
    </row>
    <row r="1648" spans="6:7">
      <c r="F1648" s="335" t="s">
        <v>18</v>
      </c>
      <c r="G1648" s="340" t="s">
        <v>408</v>
      </c>
    </row>
    <row r="1649" spans="6:7">
      <c r="F1649" s="335" t="s">
        <v>18</v>
      </c>
      <c r="G1649" s="340" t="s">
        <v>1912</v>
      </c>
    </row>
    <row r="1650" spans="6:7">
      <c r="F1650" s="335" t="s">
        <v>18</v>
      </c>
      <c r="G1650" s="340" t="s">
        <v>961</v>
      </c>
    </row>
    <row r="1651" spans="6:7">
      <c r="F1651" s="335" t="s">
        <v>18</v>
      </c>
      <c r="G1651" s="340" t="s">
        <v>1789</v>
      </c>
    </row>
    <row r="1652" spans="6:7">
      <c r="F1652" s="335" t="s">
        <v>18</v>
      </c>
      <c r="G1652" s="340" t="s">
        <v>1721</v>
      </c>
    </row>
    <row r="1653" spans="6:7">
      <c r="F1653" s="335" t="s">
        <v>18</v>
      </c>
      <c r="G1653" s="340" t="s">
        <v>985</v>
      </c>
    </row>
    <row r="1654" spans="6:7">
      <c r="F1654" s="335" t="s">
        <v>18</v>
      </c>
      <c r="G1654" s="340" t="s">
        <v>1655</v>
      </c>
    </row>
    <row r="1655" spans="6:7">
      <c r="F1655" s="335" t="s">
        <v>18</v>
      </c>
      <c r="G1655" s="340" t="s">
        <v>648</v>
      </c>
    </row>
    <row r="1656" spans="6:7">
      <c r="F1656" s="335" t="s">
        <v>18</v>
      </c>
      <c r="G1656" s="340" t="s">
        <v>1345</v>
      </c>
    </row>
    <row r="1657" spans="6:7">
      <c r="F1657" s="335" t="s">
        <v>18</v>
      </c>
      <c r="G1657" s="340" t="s">
        <v>1344</v>
      </c>
    </row>
    <row r="1658" spans="6:7">
      <c r="F1658" s="335" t="s">
        <v>18</v>
      </c>
      <c r="G1658" s="340" t="s">
        <v>1913</v>
      </c>
    </row>
    <row r="1659" spans="6:7">
      <c r="F1659" s="335" t="s">
        <v>18</v>
      </c>
      <c r="G1659" s="340" t="s">
        <v>1855</v>
      </c>
    </row>
    <row r="1660" spans="6:7">
      <c r="F1660" s="335" t="s">
        <v>18</v>
      </c>
      <c r="G1660" s="340" t="s">
        <v>1914</v>
      </c>
    </row>
    <row r="1661" spans="6:7">
      <c r="F1661" s="335" t="s">
        <v>18</v>
      </c>
      <c r="G1661" s="340" t="s">
        <v>383</v>
      </c>
    </row>
    <row r="1662" spans="6:7">
      <c r="F1662" s="335" t="s">
        <v>18</v>
      </c>
      <c r="G1662" s="340" t="s">
        <v>764</v>
      </c>
    </row>
    <row r="1663" spans="6:7">
      <c r="F1663" s="335" t="s">
        <v>18</v>
      </c>
      <c r="G1663" s="340" t="s">
        <v>1915</v>
      </c>
    </row>
    <row r="1664" spans="6:7">
      <c r="F1664" s="335" t="s">
        <v>18</v>
      </c>
      <c r="G1664" s="340" t="s">
        <v>1916</v>
      </c>
    </row>
    <row r="1665" spans="6:7">
      <c r="F1665" s="335" t="s">
        <v>18</v>
      </c>
      <c r="G1665" s="340" t="s">
        <v>1917</v>
      </c>
    </row>
    <row r="1666" spans="6:7">
      <c r="F1666" s="335" t="s">
        <v>673</v>
      </c>
      <c r="G1666" s="340" t="s">
        <v>490</v>
      </c>
    </row>
    <row r="1667" spans="6:7">
      <c r="F1667" s="335" t="s">
        <v>673</v>
      </c>
      <c r="G1667" s="340" t="s">
        <v>1918</v>
      </c>
    </row>
    <row r="1668" spans="6:7">
      <c r="F1668" s="335" t="s">
        <v>673</v>
      </c>
      <c r="G1668" s="340" t="s">
        <v>1626</v>
      </c>
    </row>
    <row r="1669" spans="6:7">
      <c r="F1669" s="335" t="s">
        <v>673</v>
      </c>
      <c r="G1669" s="340" t="s">
        <v>1920</v>
      </c>
    </row>
    <row r="1670" spans="6:7">
      <c r="F1670" s="335" t="s">
        <v>673</v>
      </c>
      <c r="G1670" s="340" t="s">
        <v>1360</v>
      </c>
    </row>
    <row r="1671" spans="6:7">
      <c r="F1671" s="335" t="s">
        <v>673</v>
      </c>
      <c r="G1671" s="340" t="s">
        <v>1921</v>
      </c>
    </row>
    <row r="1672" spans="6:7">
      <c r="F1672" s="335" t="s">
        <v>673</v>
      </c>
      <c r="G1672" s="340" t="s">
        <v>1922</v>
      </c>
    </row>
    <row r="1673" spans="6:7">
      <c r="F1673" s="335" t="s">
        <v>673</v>
      </c>
      <c r="G1673" s="340" t="s">
        <v>1923</v>
      </c>
    </row>
    <row r="1674" spans="6:7">
      <c r="F1674" s="335" t="s">
        <v>673</v>
      </c>
      <c r="G1674" s="340" t="s">
        <v>1112</v>
      </c>
    </row>
    <row r="1675" spans="6:7">
      <c r="F1675" s="335" t="s">
        <v>673</v>
      </c>
      <c r="G1675" s="340" t="s">
        <v>1924</v>
      </c>
    </row>
    <row r="1676" spans="6:7">
      <c r="F1676" s="335" t="s">
        <v>673</v>
      </c>
      <c r="G1676" s="340" t="s">
        <v>1925</v>
      </c>
    </row>
    <row r="1677" spans="6:7">
      <c r="F1677" s="335" t="s">
        <v>673</v>
      </c>
      <c r="G1677" s="340" t="s">
        <v>1926</v>
      </c>
    </row>
    <row r="1678" spans="6:7">
      <c r="F1678" s="335" t="s">
        <v>673</v>
      </c>
      <c r="G1678" s="340" t="s">
        <v>1927</v>
      </c>
    </row>
    <row r="1679" spans="6:7">
      <c r="F1679" s="335" t="s">
        <v>673</v>
      </c>
      <c r="G1679" s="340" t="s">
        <v>1928</v>
      </c>
    </row>
    <row r="1680" spans="6:7">
      <c r="F1680" s="335" t="s">
        <v>673</v>
      </c>
      <c r="G1680" s="340" t="s">
        <v>1929</v>
      </c>
    </row>
    <row r="1681" spans="6:7">
      <c r="F1681" s="335" t="s">
        <v>673</v>
      </c>
      <c r="G1681" s="340" t="s">
        <v>1700</v>
      </c>
    </row>
    <row r="1682" spans="6:7">
      <c r="F1682" s="335" t="s">
        <v>673</v>
      </c>
      <c r="G1682" s="340" t="s">
        <v>1395</v>
      </c>
    </row>
    <row r="1683" spans="6:7">
      <c r="F1683" s="335" t="s">
        <v>673</v>
      </c>
      <c r="G1683" s="340" t="s">
        <v>1930</v>
      </c>
    </row>
    <row r="1684" spans="6:7">
      <c r="F1684" s="335" t="s">
        <v>673</v>
      </c>
      <c r="G1684" s="340" t="s">
        <v>1919</v>
      </c>
    </row>
    <row r="1685" spans="6:7">
      <c r="F1685" s="335" t="s">
        <v>673</v>
      </c>
      <c r="G1685" s="340" t="s">
        <v>229</v>
      </c>
    </row>
    <row r="1686" spans="6:7">
      <c r="F1686" s="335" t="s">
        <v>673</v>
      </c>
      <c r="G1686" s="340" t="s">
        <v>1931</v>
      </c>
    </row>
    <row r="1687" spans="6:7">
      <c r="F1687" s="335" t="s">
        <v>673</v>
      </c>
      <c r="G1687" s="340" t="s">
        <v>1265</v>
      </c>
    </row>
    <row r="1688" spans="6:7">
      <c r="F1688" s="335" t="s">
        <v>673</v>
      </c>
      <c r="G1688" s="340" t="s">
        <v>1496</v>
      </c>
    </row>
    <row r="1689" spans="6:7">
      <c r="F1689" s="335" t="s">
        <v>673</v>
      </c>
      <c r="G1689" s="340" t="s">
        <v>1932</v>
      </c>
    </row>
    <row r="1690" spans="6:7">
      <c r="F1690" s="335" t="s">
        <v>673</v>
      </c>
      <c r="G1690" s="340" t="s">
        <v>1933</v>
      </c>
    </row>
    <row r="1691" spans="6:7">
      <c r="F1691" s="335" t="s">
        <v>673</v>
      </c>
      <c r="G1691" s="340" t="s">
        <v>722</v>
      </c>
    </row>
    <row r="1692" spans="6:7">
      <c r="F1692" s="335" t="s">
        <v>673</v>
      </c>
      <c r="G1692" s="340" t="s">
        <v>1934</v>
      </c>
    </row>
    <row r="1693" spans="6:7">
      <c r="F1693" s="335" t="s">
        <v>673</v>
      </c>
      <c r="G1693" s="340" t="s">
        <v>554</v>
      </c>
    </row>
    <row r="1694" spans="6:7">
      <c r="F1694" s="335" t="s">
        <v>673</v>
      </c>
      <c r="G1694" s="340" t="s">
        <v>1785</v>
      </c>
    </row>
    <row r="1695" spans="6:7">
      <c r="F1695" s="335" t="s">
        <v>673</v>
      </c>
      <c r="G1695" s="340" t="s">
        <v>1046</v>
      </c>
    </row>
    <row r="1696" spans="6:7">
      <c r="F1696" s="335" t="s">
        <v>673</v>
      </c>
      <c r="G1696" s="340" t="s">
        <v>1935</v>
      </c>
    </row>
    <row r="1697" spans="6:7">
      <c r="F1697" s="335" t="s">
        <v>673</v>
      </c>
      <c r="G1697" s="340" t="s">
        <v>599</v>
      </c>
    </row>
    <row r="1698" spans="6:7">
      <c r="F1698" s="335" t="s">
        <v>673</v>
      </c>
      <c r="G1698" s="340" t="s">
        <v>1936</v>
      </c>
    </row>
    <row r="1699" spans="6:7">
      <c r="F1699" s="335" t="s">
        <v>673</v>
      </c>
      <c r="G1699" s="340" t="s">
        <v>1937</v>
      </c>
    </row>
    <row r="1700" spans="6:7">
      <c r="F1700" s="335" t="s">
        <v>673</v>
      </c>
      <c r="G1700" s="340" t="s">
        <v>1938</v>
      </c>
    </row>
    <row r="1701" spans="6:7">
      <c r="F1701" s="335" t="s">
        <v>673</v>
      </c>
      <c r="G1701" s="340" t="s">
        <v>1939</v>
      </c>
    </row>
    <row r="1702" spans="6:7">
      <c r="F1702" s="335" t="s">
        <v>673</v>
      </c>
      <c r="G1702" s="340" t="s">
        <v>731</v>
      </c>
    </row>
    <row r="1703" spans="6:7">
      <c r="F1703" s="335" t="s">
        <v>673</v>
      </c>
      <c r="G1703" s="340" t="s">
        <v>1257</v>
      </c>
    </row>
    <row r="1704" spans="6:7">
      <c r="F1704" s="335" t="s">
        <v>673</v>
      </c>
      <c r="G1704" s="340" t="s">
        <v>1702</v>
      </c>
    </row>
    <row r="1705" spans="6:7">
      <c r="F1705" s="335" t="s">
        <v>673</v>
      </c>
      <c r="G1705" s="340" t="s">
        <v>403</v>
      </c>
    </row>
    <row r="1706" spans="6:7">
      <c r="F1706" s="335" t="s">
        <v>673</v>
      </c>
      <c r="G1706" s="340" t="s">
        <v>1940</v>
      </c>
    </row>
    <row r="1707" spans="6:7">
      <c r="F1707" s="335" t="s">
        <v>673</v>
      </c>
      <c r="G1707" s="340" t="s">
        <v>1941</v>
      </c>
    </row>
    <row r="1708" spans="6:7">
      <c r="F1708" s="335" t="s">
        <v>673</v>
      </c>
      <c r="G1708" s="340" t="s">
        <v>1461</v>
      </c>
    </row>
    <row r="1709" spans="6:7">
      <c r="F1709" s="335" t="s">
        <v>622</v>
      </c>
      <c r="G1709" s="340" t="s">
        <v>1852</v>
      </c>
    </row>
    <row r="1710" spans="6:7">
      <c r="F1710" s="335" t="s">
        <v>622</v>
      </c>
      <c r="G1710" s="340" t="s">
        <v>1146</v>
      </c>
    </row>
    <row r="1711" spans="6:7">
      <c r="F1711" s="335" t="s">
        <v>622</v>
      </c>
      <c r="G1711" s="340" t="s">
        <v>1942</v>
      </c>
    </row>
    <row r="1712" spans="6:7">
      <c r="F1712" s="335" t="s">
        <v>622</v>
      </c>
      <c r="G1712" s="340" t="s">
        <v>1943</v>
      </c>
    </row>
    <row r="1713" spans="6:7">
      <c r="F1713" s="335" t="s">
        <v>622</v>
      </c>
      <c r="G1713" s="340" t="s">
        <v>1528</v>
      </c>
    </row>
    <row r="1714" spans="6:7">
      <c r="F1714" s="335" t="s">
        <v>622</v>
      </c>
      <c r="G1714" s="340" t="s">
        <v>1020</v>
      </c>
    </row>
    <row r="1715" spans="6:7">
      <c r="F1715" s="335" t="s">
        <v>622</v>
      </c>
      <c r="G1715" s="340" t="s">
        <v>1944</v>
      </c>
    </row>
    <row r="1716" spans="6:7">
      <c r="F1716" s="335" t="s">
        <v>622</v>
      </c>
      <c r="G1716" s="340" t="s">
        <v>1876</v>
      </c>
    </row>
    <row r="1717" spans="6:7">
      <c r="F1717" s="335" t="s">
        <v>622</v>
      </c>
      <c r="G1717" s="340" t="s">
        <v>1945</v>
      </c>
    </row>
    <row r="1718" spans="6:7">
      <c r="F1718" s="335" t="s">
        <v>622</v>
      </c>
      <c r="G1718" s="340" t="s">
        <v>1946</v>
      </c>
    </row>
    <row r="1719" spans="6:7">
      <c r="F1719" s="335" t="s">
        <v>622</v>
      </c>
      <c r="G1719" s="340" t="s">
        <v>1637</v>
      </c>
    </row>
    <row r="1720" spans="6:7">
      <c r="F1720" s="335" t="s">
        <v>622</v>
      </c>
      <c r="G1720" s="340" t="s">
        <v>1900</v>
      </c>
    </row>
    <row r="1721" spans="6:7">
      <c r="F1721" s="335" t="s">
        <v>622</v>
      </c>
      <c r="G1721" s="340" t="s">
        <v>1769</v>
      </c>
    </row>
    <row r="1722" spans="6:7">
      <c r="F1722" s="335" t="s">
        <v>622</v>
      </c>
      <c r="G1722" s="340" t="s">
        <v>948</v>
      </c>
    </row>
    <row r="1723" spans="6:7">
      <c r="F1723" s="335" t="s">
        <v>622</v>
      </c>
      <c r="G1723" s="340" t="s">
        <v>1947</v>
      </c>
    </row>
    <row r="1724" spans="6:7">
      <c r="F1724" s="335" t="s">
        <v>622</v>
      </c>
      <c r="G1724" s="340" t="s">
        <v>1359</v>
      </c>
    </row>
    <row r="1725" spans="6:7">
      <c r="F1725" s="335" t="s">
        <v>622</v>
      </c>
      <c r="G1725" s="340" t="s">
        <v>677</v>
      </c>
    </row>
    <row r="1726" spans="6:7">
      <c r="F1726" s="335" t="s">
        <v>622</v>
      </c>
      <c r="G1726" s="340" t="s">
        <v>1293</v>
      </c>
    </row>
    <row r="1727" spans="6:7">
      <c r="F1727" s="335" t="s">
        <v>622</v>
      </c>
      <c r="G1727" s="340" t="s">
        <v>1948</v>
      </c>
    </row>
    <row r="1728" spans="6:7">
      <c r="F1728" s="335" t="s">
        <v>622</v>
      </c>
      <c r="G1728" s="340" t="s">
        <v>920</v>
      </c>
    </row>
    <row r="1729" spans="6:7">
      <c r="F1729" s="335" t="s">
        <v>622</v>
      </c>
      <c r="G1729" s="340" t="s">
        <v>1949</v>
      </c>
    </row>
    <row r="1730" spans="6:7">
      <c r="F1730" s="335" t="s">
        <v>622</v>
      </c>
      <c r="G1730" s="340" t="s">
        <v>1894</v>
      </c>
    </row>
    <row r="1731" spans="6:7">
      <c r="F1731" s="335" t="s">
        <v>622</v>
      </c>
      <c r="G1731" s="340" t="s">
        <v>273</v>
      </c>
    </row>
    <row r="1732" spans="6:7">
      <c r="F1732" s="335" t="s">
        <v>622</v>
      </c>
      <c r="G1732" s="340" t="s">
        <v>1950</v>
      </c>
    </row>
    <row r="1733" spans="6:7">
      <c r="F1733" s="335" t="s">
        <v>622</v>
      </c>
      <c r="G1733" s="340" t="s">
        <v>1675</v>
      </c>
    </row>
    <row r="1734" spans="6:7">
      <c r="F1734" s="335" t="s">
        <v>622</v>
      </c>
      <c r="G1734" s="340" t="s">
        <v>1951</v>
      </c>
    </row>
    <row r="1735" spans="6:7">
      <c r="F1735" s="335" t="s">
        <v>622</v>
      </c>
      <c r="G1735" s="340" t="s">
        <v>1300</v>
      </c>
    </row>
    <row r="1736" spans="6:7">
      <c r="F1736" s="335" t="s">
        <v>622</v>
      </c>
      <c r="G1736" s="340" t="s">
        <v>142</v>
      </c>
    </row>
    <row r="1737" spans="6:7">
      <c r="F1737" s="335" t="s">
        <v>622</v>
      </c>
      <c r="G1737" s="340" t="s">
        <v>1537</v>
      </c>
    </row>
    <row r="1738" spans="6:7">
      <c r="F1738" s="335" t="s">
        <v>622</v>
      </c>
      <c r="G1738" s="340" t="s">
        <v>1259</v>
      </c>
    </row>
    <row r="1739" spans="6:7">
      <c r="F1739" s="335" t="s">
        <v>622</v>
      </c>
      <c r="G1739" s="340" t="s">
        <v>1620</v>
      </c>
    </row>
    <row r="1740" spans="6:7">
      <c r="F1740" s="335" t="s">
        <v>622</v>
      </c>
      <c r="G1740" s="340" t="s">
        <v>1952</v>
      </c>
    </row>
    <row r="1741" spans="6:7">
      <c r="F1741" s="335" t="s">
        <v>622</v>
      </c>
      <c r="G1741" s="340" t="s">
        <v>0</v>
      </c>
    </row>
    <row r="1742" spans="6:7">
      <c r="F1742" s="335" t="s">
        <v>622</v>
      </c>
      <c r="G1742" s="340" t="s">
        <v>584</v>
      </c>
    </row>
    <row r="1743" spans="6:7">
      <c r="F1743" s="335" t="s">
        <v>622</v>
      </c>
      <c r="G1743" s="340" t="s">
        <v>1953</v>
      </c>
    </row>
    <row r="1744" spans="6:7">
      <c r="F1744" s="335" t="s">
        <v>622</v>
      </c>
      <c r="G1744" s="340" t="s">
        <v>1954</v>
      </c>
    </row>
    <row r="1745" spans="6:7">
      <c r="F1745" s="335" t="s">
        <v>622</v>
      </c>
      <c r="G1745" s="340" t="s">
        <v>1955</v>
      </c>
    </row>
    <row r="1746" spans="6:7">
      <c r="F1746" s="335" t="s">
        <v>622</v>
      </c>
      <c r="G1746" s="340" t="s">
        <v>1956</v>
      </c>
    </row>
    <row r="1747" spans="6:7">
      <c r="F1747" s="335" t="s">
        <v>622</v>
      </c>
      <c r="G1747" s="340" t="s">
        <v>1657</v>
      </c>
    </row>
    <row r="1748" spans="6:7">
      <c r="F1748" s="335" t="s">
        <v>622</v>
      </c>
      <c r="G1748" s="340" t="s">
        <v>1631</v>
      </c>
    </row>
    <row r="1749" spans="6:7">
      <c r="F1749" s="336" t="s">
        <v>622</v>
      </c>
      <c r="G1749" s="341" t="s">
        <v>1109</v>
      </c>
    </row>
  </sheetData>
  <sheetProtection algorithmName="SHA-512" hashValue="akyrFsDg2NC7+eNEii1nyeP6lmH6+YA/gZH51qWjDLgJmtElSER4ONDpKm1hXdWzxhwByPEAzqkoOYKAlfVQVg==" saltValue="7zq+V/TKKtKRc0N8ibm5gg==" spinCount="100000" sheet="1" objects="1" scenarios="1"/>
  <phoneticPr fontId="35"/>
  <printOptions horizontalCentered="1"/>
  <pageMargins left="0.39370078740157483" right="0.39370078740157483" top="0.78740157480314965" bottom="0.39370078740157483" header="0.51181102362204722" footer="0.51181102362204722"/>
  <pageSetup paperSize="9" fitToWidth="0" fitToHeight="1" orientation="portrait" usePrinterDefaults="1" r:id="rId1"/>
  <headerFooter alignWithMargins="0"/>
</worksheet>
</file>

<file path=customXml/_rels/item1.xml.rels><?xml version="1.0" encoding="UTF-8"?><Relationships xmlns="http://schemas.openxmlformats.org/package/2006/relationships"><Relationship Id="rId1" Type="http://schemas.openxmlformats.org/officeDocument/2006/relationships/customXmlProps" Target="itemProps1.xml" /></Relationships>
</file>

<file path=customXml/_rels/item2.xml.rels><?xml version="1.0" encoding="UTF-8"?><Relationships xmlns="http://schemas.openxmlformats.org/package/2006/relationships"><Relationship Id="rId1" Type="http://schemas.openxmlformats.org/officeDocument/2006/relationships/customXmlProps" Target="itemProps2.xml" /></Relationships>
</file>

<file path=customXml/_rels/item3.xml.rels><?xml version="1.0" encoding="UTF-8"?><Relationships xmlns="http://schemas.openxmlformats.org/package/2006/relationships"><Relationship Id="rId1" Type="http://schemas.openxmlformats.org/officeDocument/2006/relationships/customXmlProps" Target="itemProps3.xml" /></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B46734693C3A90448B89DA794EB2C0AC" ma:contentTypeVersion="14" ma:contentTypeDescription="新しいドキュメントを作成します。" ma:contentTypeScope="" ma:versionID="cb9ca1c8fad671d36f25893a2f09cc8b">
  <xsd:schema xmlns:xsd="http://www.w3.org/2001/XMLSchema" xmlns:xs="http://www.w3.org/2001/XMLSchema" xmlns:p="http://schemas.microsoft.com/office/2006/metadata/properties" xmlns:ns2="e60fd174-b192-4fdb-8980-a9c623028ceb" xmlns:ns3="263dbbe5-076b-4606-a03b-9598f5f2f35a" targetNamespace="http://schemas.microsoft.com/office/2006/metadata/properties" ma:root="true" ma:fieldsID="2764944d9d0ea917e9f45650fbbab681" ns2:_="" ns3:_="">
    <xsd:import namespace="e60fd174-b192-4fdb-8980-a9c623028ceb"/>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0fd174-b192-4fdb-8980-a9c623028ceb"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4ce17d59-d8cd-4305-b48c-ecab8c112c75}"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Owner xmlns="e60fd174-b192-4fdb-8980-a9c623028ceb">
      <UserInfo>
        <DisplayName/>
        <AccountId xsi:nil="true"/>
        <AccountType/>
      </UserInfo>
    </Owner>
    <TaxCatchAll xmlns="263dbbe5-076b-4606-a03b-9598f5f2f35a" xsi:nil="true"/>
    <lcf76f155ced4ddcb4097134ff3c332f xmlns="e60fd174-b192-4fdb-8980-a9c623028ceb">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F2E4D8EC-147D-419E-A9A4-473F1CA1BC1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60fd174-b192-4fdb-8980-a9c623028ceb"/>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0543117-73C1-47EF-A5D6-A3ED032E6B71}">
  <ds:schemaRefs>
    <ds:schemaRef ds:uri="http://schemas.microsoft.com/office/2006/metadata/properties"/>
    <ds:schemaRef ds:uri="http://schemas.microsoft.com/office/infopath/2007/PartnerControls"/>
    <ds:schemaRef ds:uri="e60fd174-b192-4fdb-8980-a9c623028ceb"/>
    <ds:schemaRef ds:uri="263dbbe5-076b-4606-a03b-9598f5f2f35a"/>
  </ds:schemaRefs>
</ds:datastoreItem>
</file>

<file path=customXml/itemProps3.xml><?xml version="1.0" encoding="utf-8"?>
<ds:datastoreItem xmlns:ds="http://schemas.openxmlformats.org/officeDocument/2006/customXml" ds:itemID="{4F38F45E-333D-4573-BFD7-4B0CE9D388B1}">
  <ds:schemaRefs>
    <ds:schemaRef ds:uri="http://schemas.microsoft.com/sharepoint/v3/contenttype/forms"/>
  </ds:schemaRefs>
</ds:datastoreItem>
</file>

<file path=docProps/app.xml><?xml version="1.0" encoding="utf-8"?>
<Properties xmlns:vt="http://schemas.openxmlformats.org/officeDocument/2006/docPropsVTypes" xmlns="http://schemas.openxmlformats.org/officeDocument/2006/extended-properties">
  <Application>JUST Calc</Application>
  <DocSecurity>0</DocSecurity>
  <ScaleCrop>false</ScaleCrop>
  <HeadingPairs>
    <vt:vector size="2" baseType="variant">
      <vt:variant>
        <vt:lpstr>ワークシート</vt:lpstr>
      </vt:variant>
      <vt:variant>
        <vt:i4>4</vt:i4>
      </vt:variant>
    </vt:vector>
  </HeadingPairs>
  <TitlesOfParts>
    <vt:vector size="4" baseType="lpstr">
      <vt:lpstr>基本情報入力シート</vt:lpstr>
      <vt:lpstr>別紙様式3-1（補助金）</vt:lpstr>
      <vt:lpstr>別紙様式3-2（補助金）</vt:lpstr>
      <vt:lpstr>【参考】数式用</vt:lpstr>
    </vt:vector>
  </TitlesOfParts>
  <LinksUpToDate>false</LinksUpToDate>
  <SharedDoc>false</SharedDoc>
  <HyperlinksChanged>false</HyperlinksChanged>
  <AppVersion>5.0.6</AppVersion>
</Properties>
</file>

<file path=docProps/core.xml><?xml version="1.0" encoding="utf-8"?>
<cp:coreProperties xmlns:dc="http://purl.org/dc/elements/1.1/" xmlns:dcterms="http://purl.org/dc/terms/" xmlns:dcmitype="http://purl.org/dc/dcmitype/" xmlns:xsi="http://www.w3.org/2001/XMLSchema-instance" xmlns:cp="http://schemas.openxmlformats.org/package/2006/metadata/core-properties">
  <dcterms:created xsi:type="dcterms:W3CDTF">2025-02-13T15:04:50Z</dcterms:created>
  <dcterms:modified xsi:type="dcterms:W3CDTF">2025-12-01T01:13:04Z</dcterms:modified>
</cp:coreProperties>
</file>

<file path=docProps/custom.xml><?xml version="1.0" encoding="utf-8"?>
<Properties xmlns:vt="http://schemas.openxmlformats.org/officeDocument/2006/docPropsVTypes" xmlns="http://schemas.openxmlformats.org/officeDocument/2006/custom-properties">
  <property fmtid="{D5CDD505-2E9C-101B-9397-08002B2CF9AE}" pid="2" name="ContentTypeId">
    <vt:lpwstr>0x010100B46734693C3A90448B89DA794EB2C0AC</vt:lpwstr>
  </property>
  <property fmtid="{D5CDD505-2E9C-101B-9397-08002B2CF9AE}" pid="3" name="MediaServiceImageTags">
    <vt:lpwstr/>
  </property>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12-01T01:13:04Z</vt:filetime>
  </property>
</Properties>
</file>